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1233B0" w:rsidRDefault="008E5C9B" w:rsidP="001A5D9B">
      <w:pPr>
        <w:spacing w:after="480"/>
        <w:jc w:val="center"/>
        <w:rPr>
          <w:b/>
        </w:rPr>
      </w:pPr>
      <w:r w:rsidRPr="00C82694">
        <w:rPr>
          <w:b/>
        </w:rPr>
        <w:t xml:space="preserve">INDEPENDENT </w:t>
      </w:r>
      <w:r w:rsidR="001233B0" w:rsidRPr="00C82694">
        <w:rPr>
          <w:b/>
        </w:rPr>
        <w:t>CITIZENS' BOND OVERSIGHT COMMITTEE</w:t>
      </w:r>
      <w:r w:rsidR="001233B0" w:rsidRPr="00C82694">
        <w:rPr>
          <w:b/>
        </w:rPr>
        <w:br/>
      </w:r>
      <w:r w:rsidRPr="00C82694">
        <w:rPr>
          <w:b/>
        </w:rPr>
        <w:t xml:space="preserve">AMENDED AND RESTATED </w:t>
      </w:r>
      <w:r w:rsidR="001233B0" w:rsidRPr="00C82694">
        <w:rPr>
          <w:b/>
        </w:rPr>
        <w:t>BYLAWS</w:t>
      </w:r>
    </w:p>
    <w:p w:rsidR="001233B0" w:rsidRDefault="001233B0">
      <w:pPr>
        <w:pStyle w:val="Heading1"/>
      </w:pPr>
      <w:r>
        <w:rPr>
          <w:b/>
          <w:u w:val="single"/>
        </w:rPr>
        <w:t>Committee Established</w:t>
      </w:r>
      <w:r>
        <w:rPr>
          <w:b/>
        </w:rPr>
        <w:t>.</w:t>
      </w:r>
      <w:r>
        <w:t xml:space="preserve">  The </w:t>
      </w:r>
      <w:r w:rsidR="00A972CD">
        <w:t>Yosemite Community College District</w:t>
      </w:r>
      <w:r>
        <w:t xml:space="preserve"> (the "District") was successful at the election conducted on </w:t>
      </w:r>
      <w:r w:rsidR="004474FD">
        <w:t xml:space="preserve">November </w:t>
      </w:r>
      <w:r>
        <w:t>2, 2004 (the “Election”), in obtaining authorization from the District's voters to issue up to $</w:t>
      </w:r>
      <w:r w:rsidR="00A972CD">
        <w:t>326</w:t>
      </w:r>
      <w:r>
        <w:t>,</w:t>
      </w:r>
      <w:r w:rsidR="00A972CD">
        <w:t>174</w:t>
      </w:r>
      <w:r>
        <w:t>,000 aggregate principal amount of the District's general obligation bonds (“</w:t>
      </w:r>
      <w:r w:rsidR="00A972CD">
        <w:t>Measure E</w:t>
      </w:r>
      <w:r>
        <w:t xml:space="preserve">”).  </w:t>
      </w:r>
      <w:r w:rsidRPr="00C82694">
        <w:t xml:space="preserve">The </w:t>
      </w:r>
      <w:r w:rsidR="008E5C9B" w:rsidRPr="00C82694">
        <w:t>E</w:t>
      </w:r>
      <w:r w:rsidRPr="00C82694">
        <w:t xml:space="preserve">lection was conducted under Proposition 39, being chaptered as the Strict Accountability in Local School Construction Bonds Act of 2000, at Section 15264 </w:t>
      </w:r>
      <w:r w:rsidRPr="00C82694">
        <w:rPr>
          <w:i/>
        </w:rPr>
        <w:t>et seq.</w:t>
      </w:r>
      <w:r w:rsidRPr="00C82694">
        <w:t xml:space="preserve"> of the Education Code of the State ("Prop 39").  Pursuant to Section 15278 of the Education Code, the District is now obligated to establish </w:t>
      </w:r>
      <w:r w:rsidR="008E5C9B" w:rsidRPr="00C82694">
        <w:t xml:space="preserve">an Independent Citizens’ Bond Oversight </w:t>
      </w:r>
      <w:r w:rsidRPr="00C82694">
        <w:t xml:space="preserve">Committee in order to satisfy the accountability requirements of Prop 39.  The </w:t>
      </w:r>
      <w:r w:rsidR="00BF430C" w:rsidRPr="00C82694">
        <w:t>Board of Trustees</w:t>
      </w:r>
      <w:r w:rsidRPr="00C82694">
        <w:t xml:space="preserve"> of the </w:t>
      </w:r>
      <w:r w:rsidR="00A972CD" w:rsidRPr="00C82694">
        <w:t>Yosemite Community College District</w:t>
      </w:r>
      <w:r w:rsidRPr="00C82694">
        <w:t xml:space="preserve"> (the "Board") hereby establishes the </w:t>
      </w:r>
      <w:r w:rsidR="008E5C9B" w:rsidRPr="00C82694">
        <w:t xml:space="preserve">Independent </w:t>
      </w:r>
      <w:r w:rsidRPr="00C82694">
        <w:t>Citizens' Bond Oversight Committee (the "Committee") which shall have the duties and rights set forth in these Bylaws.  The Committee</w:t>
      </w:r>
      <w:r>
        <w:t xml:space="preserve"> does not have independent legal capacity from the District.</w:t>
      </w:r>
    </w:p>
    <w:p w:rsidR="001233B0" w:rsidRDefault="001233B0">
      <w:pPr>
        <w:pStyle w:val="Heading1"/>
      </w:pPr>
      <w:r>
        <w:rPr>
          <w:b/>
          <w:u w:val="single"/>
        </w:rPr>
        <w:t>Purposes</w:t>
      </w:r>
      <w:r>
        <w:t xml:space="preserve">.  The purposes of the Committee are set forth in Prop 39, and these Bylaws are specifically made subject to the applicable provisions of Prop 39 as to the duties and rights of the Committee.  The Committee shall be deemed to be subject to the </w:t>
      </w:r>
      <w:r>
        <w:rPr>
          <w:i/>
        </w:rPr>
        <w:t>Ralph M. Brown Public Meetings Act</w:t>
      </w:r>
      <w:r>
        <w:t xml:space="preserve"> of the State of California and shall conduct its meetings in accordance with the provisions thereof.  The District shall provide necessary administrative support to the Committee as shall be consistent with the Committee's purposes, as set forth in Prop 39. </w:t>
      </w:r>
    </w:p>
    <w:p w:rsidR="001233B0" w:rsidRDefault="001233B0">
      <w:pPr>
        <w:pStyle w:val="BodyText"/>
        <w:jc w:val="both"/>
      </w:pPr>
      <w:r>
        <w:t xml:space="preserve">The proceeds of general obligation bonds issued pursuant to the Election are hereinafter referred to as "bond proceeds."  The Committee shall confine itself specifically to bond proceeds generated under </w:t>
      </w:r>
      <w:r w:rsidR="00A972CD">
        <w:t>Measure E</w:t>
      </w:r>
      <w:r>
        <w:t xml:space="preserve">.  Regular </w:t>
      </w:r>
      <w:r w:rsidRPr="00C82694">
        <w:t xml:space="preserve">and </w:t>
      </w:r>
      <w:r w:rsidR="008E5C9B" w:rsidRPr="00C82694">
        <w:t xml:space="preserve">scheduled </w:t>
      </w:r>
      <w:r w:rsidRPr="00C82694">
        <w:t>maintenance</w:t>
      </w:r>
      <w:r>
        <w:t xml:space="preserve"> projects and all monies generated under other sources shall fall outside the scope of the Committee</w:t>
      </w:r>
      <w:r w:rsidR="001A5D9B">
        <w:t>’s</w:t>
      </w:r>
      <w:r>
        <w:t xml:space="preserve"> review.</w:t>
      </w:r>
    </w:p>
    <w:p w:rsidR="001233B0" w:rsidRDefault="001233B0">
      <w:pPr>
        <w:pStyle w:val="Heading1"/>
      </w:pPr>
      <w:r>
        <w:rPr>
          <w:b/>
          <w:u w:val="single"/>
        </w:rPr>
        <w:t>Duties</w:t>
      </w:r>
      <w:r>
        <w:rPr>
          <w:b/>
        </w:rPr>
        <w:t>.</w:t>
      </w:r>
      <w:r>
        <w:t xml:space="preserve">  To carry out its stated purpos</w:t>
      </w:r>
      <w:r w:rsidR="00C82694">
        <w:t xml:space="preserve">es, the Committee shall perform </w:t>
      </w:r>
      <w:r>
        <w:t xml:space="preserve">the </w:t>
      </w:r>
      <w:r w:rsidRPr="00C82694">
        <w:t>duties</w:t>
      </w:r>
      <w:r w:rsidR="008E5C9B" w:rsidRPr="00C82694">
        <w:t xml:space="preserve"> set forth in Sections 3.1, 3.2 and 3.3 and shall refrain from those activities set forth in Sections 3.4 and 3.5</w:t>
      </w:r>
      <w:r>
        <w:t xml:space="preserve">: </w:t>
      </w:r>
    </w:p>
    <w:p w:rsidR="001233B0" w:rsidRDefault="001233B0">
      <w:pPr>
        <w:pStyle w:val="Heading2"/>
      </w:pPr>
      <w:r>
        <w:rPr>
          <w:u w:val="single"/>
        </w:rPr>
        <w:t>Inform the Public</w:t>
      </w:r>
      <w:r>
        <w:t>.  The Committee shall inform the public concerning the District’s expenditure of bond proceeds.</w:t>
      </w:r>
      <w:r w:rsidR="008E5C9B">
        <w:t xml:space="preserve">  </w:t>
      </w:r>
      <w:r w:rsidR="008E5C9B" w:rsidRPr="00C82694">
        <w:t>In fulfilling this duty, all official communications to either the Board or the public shall come from the Chair acting on behalf of the Committee.  The Chair shall only release information that reflects the majority view of the Committee</w:t>
      </w:r>
    </w:p>
    <w:p w:rsidR="001233B0" w:rsidRDefault="001233B0">
      <w:pPr>
        <w:pStyle w:val="Heading2"/>
      </w:pPr>
      <w:r>
        <w:rPr>
          <w:u w:val="single"/>
        </w:rPr>
        <w:t>Review Expenditures</w:t>
      </w:r>
      <w:r>
        <w:t xml:space="preserve">.  The Committee </w:t>
      </w:r>
      <w:r w:rsidR="00752CD6" w:rsidRPr="00C82694">
        <w:t xml:space="preserve">shall </w:t>
      </w:r>
      <w:r w:rsidRPr="00C82694">
        <w:t>review expenditure reports produced by the District to ensure that (a)</w:t>
      </w:r>
      <w:r w:rsidR="001A5D9B" w:rsidRPr="00C82694">
        <w:t xml:space="preserve"> bond proceeds we</w:t>
      </w:r>
      <w:r w:rsidRPr="00C82694">
        <w:t xml:space="preserve">re expended only for the purposes set forth in the </w:t>
      </w:r>
      <w:r w:rsidR="00A972CD" w:rsidRPr="00C82694">
        <w:t>Measure E</w:t>
      </w:r>
      <w:r w:rsidRPr="00C82694">
        <w:t xml:space="preserve">; </w:t>
      </w:r>
      <w:r w:rsidR="001A5D9B" w:rsidRPr="00C82694">
        <w:t xml:space="preserve">and </w:t>
      </w:r>
      <w:r w:rsidRPr="00C82694">
        <w:t xml:space="preserve">(b) no bond proceeds </w:t>
      </w:r>
      <w:r w:rsidR="009C2EC0" w:rsidRPr="00C82694">
        <w:t>were</w:t>
      </w:r>
      <w:r w:rsidRPr="00C82694">
        <w:t xml:space="preserve"> used for any </w:t>
      </w:r>
      <w:r w:rsidR="00752CD6" w:rsidRPr="00C82694">
        <w:t xml:space="preserve">inappropriate </w:t>
      </w:r>
      <w:r w:rsidRPr="00C82694">
        <w:t>teacher or administrative salaries or other operating expenses</w:t>
      </w:r>
      <w:r w:rsidR="00752CD6" w:rsidRPr="00C82694">
        <w:t>, in accordance with Attorney General Opinion 04-110 issued on November 9, 2004</w:t>
      </w:r>
      <w:r w:rsidRPr="00C82694">
        <w:t xml:space="preserve">. </w:t>
      </w:r>
    </w:p>
    <w:p w:rsidR="001233B0" w:rsidRDefault="001233B0">
      <w:pPr>
        <w:pStyle w:val="Heading2"/>
      </w:pPr>
      <w:r>
        <w:rPr>
          <w:u w:val="single"/>
        </w:rPr>
        <w:t>Annual Report</w:t>
      </w:r>
      <w:r>
        <w:t xml:space="preserve">.  The Committee shall present to the Board, in public session, an annual written report which shall include the following: </w:t>
      </w:r>
    </w:p>
    <w:p w:rsidR="001233B0" w:rsidRDefault="001233B0" w:rsidP="00FD688A">
      <w:pPr>
        <w:pStyle w:val="Heading4"/>
      </w:pPr>
      <w:r>
        <w:t xml:space="preserve">A statement indicating whether the District is in compliance with the requirements of Article XIIIA, Section 1(b)(3) of the California Constitution; and </w:t>
      </w:r>
    </w:p>
    <w:p w:rsidR="001233B0" w:rsidRDefault="001233B0" w:rsidP="00FD688A">
      <w:pPr>
        <w:pStyle w:val="Heading4"/>
      </w:pPr>
      <w:r>
        <w:lastRenderedPageBreak/>
        <w:t xml:space="preserve">A summary of the Committee's proceedings and activities for the preceding year. </w:t>
      </w:r>
    </w:p>
    <w:p w:rsidR="001233B0" w:rsidRDefault="001233B0">
      <w:pPr>
        <w:pStyle w:val="Heading2"/>
      </w:pPr>
      <w:r>
        <w:rPr>
          <w:u w:val="single"/>
        </w:rPr>
        <w:t>Duties of the Board</w:t>
      </w:r>
      <w:r w:rsidR="00FD688A" w:rsidRPr="00C82694">
        <w:rPr>
          <w:u w:val="single"/>
        </w:rPr>
        <w:t>/Chancellor</w:t>
      </w:r>
      <w:r>
        <w:t xml:space="preserve">.  Either the Board or the </w:t>
      </w:r>
      <w:r w:rsidR="00FA42D8">
        <w:t>Chancellor</w:t>
      </w:r>
      <w:r>
        <w:t xml:space="preserve">, as the Board shall determine, shall have the following powers reserved to it, and the Committee shall have no jurisdiction over the following types of activities:  </w:t>
      </w:r>
    </w:p>
    <w:p w:rsidR="001233B0" w:rsidRDefault="001233B0">
      <w:pPr>
        <w:pStyle w:val="Heading4"/>
      </w:pPr>
      <w:r>
        <w:t>App</w:t>
      </w:r>
      <w:r w:rsidR="00FD688A">
        <w:t>roval of construction contracts.</w:t>
      </w:r>
    </w:p>
    <w:p w:rsidR="001233B0" w:rsidRDefault="001233B0">
      <w:pPr>
        <w:pStyle w:val="Heading4"/>
      </w:pPr>
      <w:r>
        <w:t>Approva</w:t>
      </w:r>
      <w:r w:rsidR="00FD688A">
        <w:t>l of construction change orders.</w:t>
      </w:r>
    </w:p>
    <w:p w:rsidR="001233B0" w:rsidRDefault="00FD688A">
      <w:pPr>
        <w:pStyle w:val="Heading4"/>
      </w:pPr>
      <w:r w:rsidRPr="00C82694">
        <w:t xml:space="preserve">Appropriation </w:t>
      </w:r>
      <w:r>
        <w:t>of construction funds.</w:t>
      </w:r>
    </w:p>
    <w:p w:rsidR="001233B0" w:rsidRDefault="00FD688A">
      <w:pPr>
        <w:pStyle w:val="Heading4"/>
      </w:pPr>
      <w:r>
        <w:t>Handling of all legal matters.</w:t>
      </w:r>
    </w:p>
    <w:p w:rsidR="001233B0" w:rsidRDefault="001233B0">
      <w:pPr>
        <w:pStyle w:val="Heading4"/>
      </w:pPr>
      <w:r>
        <w:t>Approval of c</w:t>
      </w:r>
      <w:r w:rsidR="00FD688A">
        <w:t>onstruction plans and schedules.</w:t>
      </w:r>
    </w:p>
    <w:p w:rsidR="001233B0" w:rsidRDefault="00C82694">
      <w:pPr>
        <w:pStyle w:val="Heading4"/>
      </w:pPr>
      <w:r>
        <w:t xml:space="preserve">Approval of </w:t>
      </w:r>
      <w:r w:rsidRPr="00C82694">
        <w:t>all</w:t>
      </w:r>
      <w:r w:rsidR="001233B0" w:rsidRPr="00C82694">
        <w:t xml:space="preserve"> </w:t>
      </w:r>
      <w:r w:rsidR="00FD688A" w:rsidRPr="00C82694">
        <w:t>scheduled</w:t>
      </w:r>
      <w:r w:rsidR="00FD688A">
        <w:t xml:space="preserve"> </w:t>
      </w:r>
      <w:r w:rsidR="001233B0">
        <w:t>maintenance plans, and</w:t>
      </w:r>
    </w:p>
    <w:p w:rsidR="001233B0" w:rsidRDefault="001233B0">
      <w:pPr>
        <w:pStyle w:val="Heading4"/>
      </w:pPr>
      <w:r>
        <w:t>Approval of the sale of bonds.</w:t>
      </w:r>
    </w:p>
    <w:p w:rsidR="001233B0" w:rsidRDefault="00FD688A">
      <w:pPr>
        <w:pStyle w:val="Heading2"/>
      </w:pPr>
      <w:r w:rsidRPr="00C82694">
        <w:rPr>
          <w:u w:val="single"/>
        </w:rPr>
        <w:t>Measure E</w:t>
      </w:r>
      <w:r>
        <w:rPr>
          <w:u w:val="single"/>
        </w:rPr>
        <w:t xml:space="preserve"> </w:t>
      </w:r>
      <w:r w:rsidR="001233B0">
        <w:rPr>
          <w:u w:val="single"/>
        </w:rPr>
        <w:t>Projects Only</w:t>
      </w:r>
      <w:r w:rsidR="001233B0">
        <w:t>.  In recognition of the fact that the Committee is charged with overseeing the expenditure of bond proceeds, the Board has not charged the Committee with responsibility for:</w:t>
      </w:r>
    </w:p>
    <w:p w:rsidR="001233B0" w:rsidRDefault="001233B0" w:rsidP="002D7CA0">
      <w:pPr>
        <w:pStyle w:val="Heading4"/>
      </w:pPr>
      <w:r>
        <w:t>Projects financed through the State</w:t>
      </w:r>
      <w:r w:rsidR="002D7CA0">
        <w:t xml:space="preserve"> of California, developer fees, </w:t>
      </w:r>
      <w:r>
        <w:t>redevelopment tax increment, certificates of participation, lease/revenue bonds, the general fund or the sale of surplus property without bond proceeds shall be outside the authority of the Committee.</w:t>
      </w:r>
    </w:p>
    <w:p w:rsidR="001233B0" w:rsidRDefault="001233B0" w:rsidP="002D7CA0">
      <w:pPr>
        <w:pStyle w:val="Heading4"/>
      </w:pPr>
      <w:r>
        <w:t>The establishment of priorities and order of construction for the bond projects</w:t>
      </w:r>
      <w:r w:rsidRPr="002D7CA0">
        <w:rPr>
          <w:strike/>
        </w:rPr>
        <w:t xml:space="preserve"> </w:t>
      </w:r>
      <w:r w:rsidR="00C82694">
        <w:t>shall be made by the</w:t>
      </w:r>
      <w:r>
        <w:t xml:space="preserve"> </w:t>
      </w:r>
      <w:r w:rsidR="002D7CA0" w:rsidRPr="00C82694">
        <w:t xml:space="preserve">Chancellor </w:t>
      </w:r>
      <w:r w:rsidR="00C82694" w:rsidRPr="00C82694">
        <w:t>in</w:t>
      </w:r>
      <w:r w:rsidRPr="00C82694">
        <w:t xml:space="preserve"> </w:t>
      </w:r>
      <w:r w:rsidR="002D7CA0" w:rsidRPr="00C82694">
        <w:t>his or her</w:t>
      </w:r>
      <w:r w:rsidR="002D7CA0">
        <w:t xml:space="preserve"> </w:t>
      </w:r>
      <w:r>
        <w:t>sole discretion.</w:t>
      </w:r>
    </w:p>
    <w:p w:rsidR="001233B0" w:rsidRDefault="001233B0" w:rsidP="002D7CA0">
      <w:pPr>
        <w:pStyle w:val="Heading4"/>
      </w:pPr>
      <w:r>
        <w:t>The selection of architects, engineers, soils engineers, construction managers, project managers, CEQA consultants and such other professional service firms as are required to complete the project based on District criteria established by the Board in its sole discretion.</w:t>
      </w:r>
    </w:p>
    <w:p w:rsidR="001233B0" w:rsidRDefault="001233B0" w:rsidP="002D7CA0">
      <w:pPr>
        <w:pStyle w:val="Heading4"/>
      </w:pPr>
      <w:r>
        <w:t>The approval of the design for each project including exterior materials, paint color, interior finishes, site plan and construction methods (modular vs. permanent) by the Board in its sole discretion and shall report to the Committee on any cost saving techniques considered or adopted by the Board.</w:t>
      </w:r>
    </w:p>
    <w:p w:rsidR="001233B0" w:rsidRDefault="001233B0" w:rsidP="002D7CA0">
      <w:pPr>
        <w:pStyle w:val="Heading4"/>
      </w:pPr>
      <w:r>
        <w:t>The selection of independent audit firm(s), performance audit consultants and such other consultants as are necessary to support the activities of the Committee.</w:t>
      </w:r>
    </w:p>
    <w:p w:rsidR="001233B0" w:rsidRDefault="001233B0" w:rsidP="002D7CA0">
      <w:pPr>
        <w:pStyle w:val="Heading4"/>
      </w:pPr>
      <w:r>
        <w:t>The approval of an annual budget for the Committee that is sufficient to carry out the activities set forth in Prop 39 and included herein.</w:t>
      </w:r>
    </w:p>
    <w:p w:rsidR="001233B0" w:rsidRDefault="001233B0" w:rsidP="002D7CA0">
      <w:pPr>
        <w:pStyle w:val="Heading4"/>
      </w:pPr>
      <w:r>
        <w:lastRenderedPageBreak/>
        <w:t>The appointment or reappointment of qualified applicants to serve on the Committee.</w:t>
      </w:r>
    </w:p>
    <w:p w:rsidR="001233B0" w:rsidRDefault="001233B0">
      <w:pPr>
        <w:pStyle w:val="Heading1"/>
        <w:rPr>
          <w:b/>
        </w:rPr>
      </w:pPr>
      <w:r>
        <w:rPr>
          <w:b/>
          <w:u w:val="single"/>
        </w:rPr>
        <w:t>Authorized Activities</w:t>
      </w:r>
      <w:r>
        <w:rPr>
          <w:b/>
        </w:rPr>
        <w:t xml:space="preserve">. </w:t>
      </w:r>
    </w:p>
    <w:p w:rsidR="001233B0" w:rsidRDefault="001233B0">
      <w:pPr>
        <w:pStyle w:val="Heading2"/>
      </w:pPr>
      <w:r>
        <w:t xml:space="preserve">In order to perform the duties set forth in Section 3.0, the Committee may engage </w:t>
      </w:r>
      <w:r w:rsidR="001A5D9B">
        <w:t>in</w:t>
      </w:r>
      <w:r>
        <w:t xml:space="preserve"> the following authorized activities: </w:t>
      </w:r>
    </w:p>
    <w:p w:rsidR="001233B0" w:rsidRDefault="001233B0" w:rsidP="002D7CA0">
      <w:pPr>
        <w:pStyle w:val="Heading4"/>
      </w:pPr>
      <w:r>
        <w:t xml:space="preserve">Receive and review copies of the District's annual independent performance audit and annual independent financial audit, required by </w:t>
      </w:r>
      <w:r w:rsidR="002D7CA0" w:rsidRPr="004F2E47">
        <w:t>Prop 39 (</w:t>
      </w:r>
      <w:r>
        <w:t>Article XIIIA of the California Constitutio</w:t>
      </w:r>
      <w:r w:rsidRPr="004F2E47">
        <w:t>n</w:t>
      </w:r>
      <w:r w:rsidR="00CC6519" w:rsidRPr="004F2E47">
        <w:t>)</w:t>
      </w:r>
      <w:r w:rsidRPr="004F2E47">
        <w:t>.</w:t>
      </w:r>
      <w:r>
        <w:t xml:space="preserve"> </w:t>
      </w:r>
    </w:p>
    <w:p w:rsidR="001233B0" w:rsidRDefault="001233B0" w:rsidP="002D7CA0">
      <w:pPr>
        <w:pStyle w:val="Heading4"/>
      </w:pPr>
      <w:r>
        <w:t xml:space="preserve">Inspect college facilities and grounds for which bond proceeds have been or will be expended, in accordance with any access procedure established by the District's </w:t>
      </w:r>
      <w:r w:rsidR="00FA42D8">
        <w:t>Chancellor</w:t>
      </w:r>
      <w:r>
        <w:t xml:space="preserve">. </w:t>
      </w:r>
    </w:p>
    <w:p w:rsidR="001233B0" w:rsidRDefault="001233B0" w:rsidP="002D7CA0">
      <w:pPr>
        <w:pStyle w:val="Heading4"/>
      </w:pPr>
      <w:r>
        <w:t xml:space="preserve">Review </w:t>
      </w:r>
      <w:r w:rsidRPr="004F2E47">
        <w:t xml:space="preserve">copies of </w:t>
      </w:r>
      <w:r w:rsidR="00CC6519" w:rsidRPr="004F2E47">
        <w:t>scheduled</w:t>
      </w:r>
      <w:r w:rsidR="00CC6519">
        <w:t xml:space="preserve"> </w:t>
      </w:r>
      <w:r>
        <w:t xml:space="preserve">maintenance proposal or plans developed by the District. </w:t>
      </w:r>
    </w:p>
    <w:p w:rsidR="001233B0" w:rsidRDefault="001233B0" w:rsidP="002D7CA0">
      <w:pPr>
        <w:pStyle w:val="Heading4"/>
      </w:pPr>
      <w:r>
        <w:t>Review efforts by the District to maximize bond proceeds by implementing various cost-saving measures.</w:t>
      </w:r>
    </w:p>
    <w:p w:rsidR="001233B0" w:rsidRDefault="001233B0">
      <w:pPr>
        <w:pStyle w:val="Heading1"/>
        <w:rPr>
          <w:b/>
        </w:rPr>
      </w:pPr>
      <w:r>
        <w:rPr>
          <w:b/>
          <w:u w:val="single"/>
        </w:rPr>
        <w:t>Membership</w:t>
      </w:r>
      <w:r>
        <w:rPr>
          <w:b/>
        </w:rPr>
        <w:t>.</w:t>
      </w:r>
    </w:p>
    <w:p w:rsidR="001233B0" w:rsidRDefault="001233B0">
      <w:pPr>
        <w:pStyle w:val="Heading2"/>
      </w:pPr>
      <w:r>
        <w:rPr>
          <w:u w:val="single"/>
        </w:rPr>
        <w:t>Number</w:t>
      </w:r>
      <w:r>
        <w:t xml:space="preserve">. </w:t>
      </w:r>
    </w:p>
    <w:p w:rsidR="001233B0" w:rsidRDefault="001A5D9B">
      <w:pPr>
        <w:pStyle w:val="BodyText"/>
        <w:ind w:left="720"/>
        <w:jc w:val="both"/>
      </w:pPr>
      <w:r>
        <w:t>The C</w:t>
      </w:r>
      <w:r w:rsidR="001233B0">
        <w:t xml:space="preserve">ommittee shall consist of a minimum of seven (7) members appointed by the </w:t>
      </w:r>
      <w:r w:rsidR="00BF430C">
        <w:t>Board of Trustees</w:t>
      </w:r>
      <w:r w:rsidR="001233B0">
        <w:t xml:space="preserve"> from a list of candidates submitting written applications, and based on criteria established by Prop 39, to wit: </w:t>
      </w:r>
    </w:p>
    <w:p w:rsidR="001233B0" w:rsidRDefault="001233B0">
      <w:pPr>
        <w:pStyle w:val="BodyText"/>
        <w:numPr>
          <w:ilvl w:val="0"/>
          <w:numId w:val="18"/>
        </w:numPr>
        <w:tabs>
          <w:tab w:val="clear" w:pos="720"/>
          <w:tab w:val="left" w:pos="1440"/>
        </w:tabs>
        <w:ind w:left="1440"/>
        <w:jc w:val="both"/>
      </w:pPr>
      <w:r>
        <w:t>One (1) student enrolled and active in a community college support group, such as student government.</w:t>
      </w:r>
    </w:p>
    <w:p w:rsidR="001233B0" w:rsidRDefault="001233B0">
      <w:pPr>
        <w:pStyle w:val="BodyText"/>
        <w:numPr>
          <w:ilvl w:val="0"/>
          <w:numId w:val="18"/>
        </w:numPr>
        <w:tabs>
          <w:tab w:val="clear" w:pos="720"/>
          <w:tab w:val="left" w:pos="1440"/>
        </w:tabs>
        <w:ind w:left="1440"/>
        <w:jc w:val="both"/>
      </w:pPr>
      <w:r>
        <w:t>One (1) member active in a business organization representing the business community located in the District.</w:t>
      </w:r>
    </w:p>
    <w:p w:rsidR="001233B0" w:rsidRDefault="001233B0">
      <w:pPr>
        <w:pStyle w:val="BodyText"/>
        <w:numPr>
          <w:ilvl w:val="0"/>
          <w:numId w:val="18"/>
        </w:numPr>
        <w:tabs>
          <w:tab w:val="clear" w:pos="720"/>
          <w:tab w:val="left" w:pos="1440"/>
        </w:tabs>
        <w:ind w:left="1440"/>
        <w:jc w:val="both"/>
      </w:pPr>
      <w:r>
        <w:t>One (1) member active in a senior citizen</w:t>
      </w:r>
      <w:r w:rsidR="001A5D9B">
        <w:t>s</w:t>
      </w:r>
      <w:r>
        <w:t xml:space="preserve">' organization. </w:t>
      </w:r>
    </w:p>
    <w:p w:rsidR="001233B0" w:rsidRDefault="001233B0">
      <w:pPr>
        <w:pStyle w:val="BodyText"/>
        <w:numPr>
          <w:ilvl w:val="0"/>
          <w:numId w:val="18"/>
        </w:numPr>
        <w:tabs>
          <w:tab w:val="clear" w:pos="720"/>
          <w:tab w:val="left" w:pos="1440"/>
        </w:tabs>
        <w:ind w:left="1440"/>
        <w:jc w:val="both"/>
      </w:pPr>
      <w:r>
        <w:t xml:space="preserve">One (1) member active in a bona-fide taxpayers association. </w:t>
      </w:r>
    </w:p>
    <w:p w:rsidR="001233B0" w:rsidRDefault="001233B0">
      <w:pPr>
        <w:pStyle w:val="BodyText"/>
        <w:numPr>
          <w:ilvl w:val="0"/>
          <w:numId w:val="18"/>
        </w:numPr>
        <w:tabs>
          <w:tab w:val="clear" w:pos="720"/>
          <w:tab w:val="left" w:pos="1440"/>
        </w:tabs>
        <w:ind w:left="1440"/>
        <w:jc w:val="both"/>
      </w:pPr>
      <w:r>
        <w:t xml:space="preserve">One (1) member active in a support organization for </w:t>
      </w:r>
      <w:r w:rsidR="00FA42D8">
        <w:t>either Modesto Junior College or Columbia College</w:t>
      </w:r>
      <w:r>
        <w:t xml:space="preserve">, such as a foundation. </w:t>
      </w:r>
    </w:p>
    <w:p w:rsidR="001233B0" w:rsidRDefault="001233B0">
      <w:pPr>
        <w:pStyle w:val="BodyText"/>
        <w:numPr>
          <w:ilvl w:val="0"/>
          <w:numId w:val="18"/>
        </w:numPr>
        <w:tabs>
          <w:tab w:val="clear" w:pos="720"/>
          <w:tab w:val="left" w:pos="1440"/>
        </w:tabs>
        <w:ind w:left="1440"/>
        <w:jc w:val="both"/>
      </w:pPr>
      <w:r>
        <w:t>Two (2) members of the community at-large.</w:t>
      </w:r>
    </w:p>
    <w:p w:rsidR="001233B0" w:rsidRDefault="001233B0">
      <w:pPr>
        <w:pStyle w:val="Heading2"/>
        <w:keepNext/>
      </w:pPr>
      <w:r>
        <w:rPr>
          <w:u w:val="single"/>
        </w:rPr>
        <w:t>Qualification Standards</w:t>
      </w:r>
      <w:r>
        <w:t xml:space="preserve">. </w:t>
      </w:r>
    </w:p>
    <w:p w:rsidR="001233B0" w:rsidRDefault="001233B0" w:rsidP="00CC6519">
      <w:pPr>
        <w:pStyle w:val="Heading4"/>
      </w:pPr>
      <w:r>
        <w:t xml:space="preserve">To be a qualified person, he or she must be at least 18 years of age. </w:t>
      </w:r>
      <w:bookmarkStart w:id="0" w:name="_GoBack"/>
      <w:bookmarkEnd w:id="0"/>
    </w:p>
    <w:p w:rsidR="001233B0" w:rsidRDefault="001233B0" w:rsidP="00CC6519">
      <w:pPr>
        <w:pStyle w:val="Heading4"/>
      </w:pPr>
      <w:r>
        <w:lastRenderedPageBreak/>
        <w:t xml:space="preserve">The </w:t>
      </w:r>
      <w:r w:rsidR="00CC6519" w:rsidRPr="004F2E47">
        <w:t>C</w:t>
      </w:r>
      <w:r>
        <w:t xml:space="preserve">ommittee may not include any employee, official of the District or any vendor, contractor or consultant of the District. </w:t>
      </w:r>
    </w:p>
    <w:p w:rsidR="001233B0" w:rsidRDefault="001233B0">
      <w:pPr>
        <w:pStyle w:val="Heading2"/>
      </w:pPr>
      <w:r>
        <w:rPr>
          <w:u w:val="single"/>
        </w:rPr>
        <w:t>Ethics: Conflicts of Interest</w:t>
      </w:r>
      <w:r>
        <w:t xml:space="preserve">.  </w:t>
      </w:r>
      <w:r w:rsidR="00CC6519" w:rsidRPr="004F2E47">
        <w:t>Members of the Committee are not subject to</w:t>
      </w:r>
      <w:r>
        <w:t xml:space="preserve"> Articles 4 (commencing with Section 1090) and 4.7 (commencing with Section 1125) of Division 4 of Title 1 of the Government Code</w:t>
      </w:r>
      <w:r w:rsidR="00B07A55">
        <w:t xml:space="preserve"> </w:t>
      </w:r>
      <w:r w:rsidR="00B07A55" w:rsidRPr="00241494">
        <w:t>and the Political Reform Act (Gov. Code §§ 81000 et seq.), and are not required to complete the Form 700.</w:t>
      </w:r>
      <w:r w:rsidR="00B07A55">
        <w:rPr>
          <w:b/>
        </w:rPr>
        <w:t xml:space="preserve"> </w:t>
      </w:r>
      <w:r w:rsidR="00241494">
        <w:t xml:space="preserve"> </w:t>
      </w:r>
      <w:r w:rsidR="00CC6519" w:rsidRPr="00241494">
        <w:t>However</w:t>
      </w:r>
      <w:r>
        <w:t xml:space="preserve">, each member shall comply with the Committee Ethics Policy attached as "Attachment A" to these </w:t>
      </w:r>
      <w:r w:rsidR="00CC6519" w:rsidRPr="00241494">
        <w:t>Amended and Restated</w:t>
      </w:r>
      <w:r w:rsidR="00CC6519">
        <w:t xml:space="preserve"> </w:t>
      </w:r>
      <w:r>
        <w:t xml:space="preserve">Bylaws. </w:t>
      </w:r>
    </w:p>
    <w:p w:rsidR="001233B0" w:rsidRDefault="001233B0" w:rsidP="00647627">
      <w:pPr>
        <w:pStyle w:val="Heading2"/>
        <w:numPr>
          <w:ilvl w:val="1"/>
          <w:numId w:val="1"/>
        </w:numPr>
      </w:pPr>
      <w:r w:rsidRPr="00647627">
        <w:rPr>
          <w:u w:val="single"/>
        </w:rPr>
        <w:t>Term</w:t>
      </w:r>
      <w:r>
        <w:t>.  Except as otherwise provided herein, each member shall serve a term of two (2) years, commencing</w:t>
      </w:r>
      <w:r w:rsidRPr="00241494">
        <w:t xml:space="preserve"> </w:t>
      </w:r>
      <w:r w:rsidR="00CC6519" w:rsidRPr="00241494">
        <w:t xml:space="preserve">as of the later of </w:t>
      </w:r>
      <w:r w:rsidRPr="00241494">
        <w:t>the date</w:t>
      </w:r>
      <w:r w:rsidR="00CC6519" w:rsidRPr="00241494">
        <w:t xml:space="preserve"> of appointment by the Board or the date at which the Amended and Restated Bylaws are approved by the Board</w:t>
      </w:r>
      <w:r w:rsidRPr="00241494">
        <w:t xml:space="preserve">.  No member may serve more than </w:t>
      </w:r>
      <w:r w:rsidR="00CC6519" w:rsidRPr="00241494">
        <w:t xml:space="preserve">three (3) </w:t>
      </w:r>
      <w:r w:rsidRPr="00241494">
        <w:t xml:space="preserve">consecutive terms.  At the Committee's first meeting, members </w:t>
      </w:r>
      <w:r w:rsidR="00647627" w:rsidRPr="00241494">
        <w:t xml:space="preserve">may </w:t>
      </w:r>
      <w:r w:rsidRPr="00241494">
        <w:t xml:space="preserve">draw lots </w:t>
      </w:r>
      <w:r w:rsidR="00647627" w:rsidRPr="00241494">
        <w:t xml:space="preserve">to </w:t>
      </w:r>
      <w:r w:rsidRPr="00241494">
        <w:t>select a minimum of two members to serve for an initial one (1) year term and the remaining members fo</w:t>
      </w:r>
      <w:r w:rsidR="00647627" w:rsidRPr="00241494">
        <w:t>r an initial two (2) year term.  Members whose term has expired may continue to serve on the Committee until a successor has been appointed.  Members serving on the original Measure E Committee shall remain on the Committee and may serve for new terms as described herein.</w:t>
      </w:r>
    </w:p>
    <w:p w:rsidR="001233B0" w:rsidRDefault="001233B0">
      <w:pPr>
        <w:pStyle w:val="Heading2"/>
      </w:pPr>
      <w:r>
        <w:rPr>
          <w:u w:val="single"/>
        </w:rPr>
        <w:t>Appointment</w:t>
      </w:r>
      <w:r>
        <w:t>.  Members of the Committee shall be appointed by the Board through the following process:  (a</w:t>
      </w:r>
      <w:r w:rsidRPr="00AC3DE5">
        <w:t>)</w:t>
      </w:r>
      <w:r w:rsidR="00647627" w:rsidRPr="00AC3DE5">
        <w:t xml:space="preserve"> the District shall advertise for members in accordance with its customary practices, including through local newspapers and the District website;</w:t>
      </w:r>
      <w:r w:rsidR="00241494" w:rsidRPr="00AC3DE5">
        <w:t xml:space="preserve"> </w:t>
      </w:r>
      <w:r w:rsidRPr="00AC3DE5">
        <w:t xml:space="preserve">(b) </w:t>
      </w:r>
      <w:r w:rsidR="00364394" w:rsidRPr="00AC3DE5">
        <w:t xml:space="preserve">appropriate local groups will be solicited for applications; </w:t>
      </w:r>
      <w:r w:rsidRPr="00AC3DE5">
        <w:t xml:space="preserve">(c) the </w:t>
      </w:r>
      <w:r w:rsidR="00FA42D8" w:rsidRPr="00AC3DE5">
        <w:t>Chancellor</w:t>
      </w:r>
      <w:r w:rsidRPr="00AC3DE5">
        <w:t xml:space="preserve"> will </w:t>
      </w:r>
      <w:r w:rsidR="00364394" w:rsidRPr="00AC3DE5">
        <w:t>review the applications; and (d) the Chancellor will make recommendations to the Board</w:t>
      </w:r>
      <w:r w:rsidRPr="00AC3DE5">
        <w:t>.</w:t>
      </w:r>
    </w:p>
    <w:p w:rsidR="001233B0" w:rsidRDefault="001233B0">
      <w:pPr>
        <w:pStyle w:val="Heading2"/>
      </w:pPr>
      <w:r>
        <w:rPr>
          <w:u w:val="single"/>
        </w:rPr>
        <w:t>Removal; Vacancy</w:t>
      </w:r>
      <w:r>
        <w:t>.  The Board may remove any Committee member</w:t>
      </w:r>
      <w:r w:rsidRPr="00364394">
        <w:t xml:space="preserve"> for </w:t>
      </w:r>
      <w:r>
        <w:t xml:space="preserve">failure to attend two consecutive Committee meetings without reasonable excuse or for failure to comply with the Committee Ethics Policy.  Upon a member's removal, his or her seat shall be declared vacant.  The Board, in accordance with the established appointment process shall fill any vacancies on the Committee. </w:t>
      </w:r>
      <w:r w:rsidR="009C2EC0">
        <w:t xml:space="preserve"> </w:t>
      </w:r>
      <w:r w:rsidR="00364394" w:rsidRPr="00AC3DE5">
        <w:t>The District</w:t>
      </w:r>
      <w:r w:rsidR="00364394">
        <w:t xml:space="preserve"> </w:t>
      </w:r>
      <w:r w:rsidR="009C2EC0">
        <w:t xml:space="preserve">shall </w:t>
      </w:r>
      <w:r w:rsidR="00364394" w:rsidRPr="00AC3DE5">
        <w:t xml:space="preserve">seek to </w:t>
      </w:r>
      <w:r w:rsidR="00740FF6" w:rsidRPr="00AC3DE5">
        <w:t>fill vacancies</w:t>
      </w:r>
      <w:r w:rsidR="00740FF6">
        <w:t xml:space="preserve"> </w:t>
      </w:r>
      <w:r w:rsidR="009C2EC0">
        <w:t>within 90 days.</w:t>
      </w:r>
    </w:p>
    <w:p w:rsidR="001233B0" w:rsidRDefault="001233B0">
      <w:pPr>
        <w:pStyle w:val="Heading2"/>
      </w:pPr>
      <w:r>
        <w:rPr>
          <w:u w:val="single"/>
        </w:rPr>
        <w:t>Compensation</w:t>
      </w:r>
      <w:r>
        <w:t>.  The Committee members shall not be compensated for their services.</w:t>
      </w:r>
    </w:p>
    <w:p w:rsidR="001233B0" w:rsidRDefault="001233B0">
      <w:pPr>
        <w:pStyle w:val="Heading2"/>
      </w:pPr>
      <w:r>
        <w:rPr>
          <w:u w:val="single"/>
        </w:rPr>
        <w:t>Authority of Members</w:t>
      </w:r>
      <w:r>
        <w:t>.  (a) Committee members shall not have the authority t</w:t>
      </w:r>
      <w:r w:rsidR="00AF4366">
        <w:t>o direct staff of the District,</w:t>
      </w:r>
      <w:r>
        <w:t xml:space="preserve"> (b) </w:t>
      </w:r>
      <w:r w:rsidR="00B07A55" w:rsidRPr="00AC3DE5">
        <w:t>I</w:t>
      </w:r>
      <w:r w:rsidRPr="00AC3DE5">
        <w:t>ndividual</w:t>
      </w:r>
      <w:r>
        <w:t xml:space="preserve"> members of the Committee retain the right to address the Board, either on behalf of the Committee or as an individual</w:t>
      </w:r>
      <w:r w:rsidR="00B07A55">
        <w:t xml:space="preserve">; </w:t>
      </w:r>
      <w:r w:rsidR="00AF4366">
        <w:t xml:space="preserve"> and (c) the </w:t>
      </w:r>
      <w:r w:rsidR="00AF4366" w:rsidRPr="00AC3DE5">
        <w:t xml:space="preserve">Committee </w:t>
      </w:r>
      <w:r w:rsidR="00740FF6" w:rsidRPr="00AC3DE5">
        <w:t xml:space="preserve">and its members shall have the right to request and receive </w:t>
      </w:r>
      <w:r w:rsidR="00AF4366" w:rsidRPr="00AC3DE5">
        <w:t>only copies of reports and</w:t>
      </w:r>
      <w:r w:rsidR="00740FF6" w:rsidRPr="00AC3DE5">
        <w:t xml:space="preserve"> records relating to Measure E projects </w:t>
      </w:r>
      <w:r w:rsidR="00AF4366" w:rsidRPr="00AC3DE5">
        <w:t>which have been</w:t>
      </w:r>
      <w:r w:rsidR="00740FF6" w:rsidRPr="00AC3DE5">
        <w:t xml:space="preserve"> prepared for</w:t>
      </w:r>
      <w:r w:rsidR="00AF4366" w:rsidRPr="00AC3DE5">
        <w:t xml:space="preserve"> the Board and which </w:t>
      </w:r>
      <w:r w:rsidR="00740FF6" w:rsidRPr="00AC3DE5">
        <w:t xml:space="preserve">have become </w:t>
      </w:r>
      <w:r w:rsidR="00AF4366" w:rsidRPr="00AC3DE5">
        <w:t>a public</w:t>
      </w:r>
      <w:r w:rsidR="00AF4366">
        <w:t xml:space="preserve"> record</w:t>
      </w:r>
      <w:r>
        <w:t>.</w:t>
      </w:r>
    </w:p>
    <w:p w:rsidR="001233B0" w:rsidRDefault="001233B0">
      <w:pPr>
        <w:pStyle w:val="Heading1"/>
        <w:rPr>
          <w:b/>
        </w:rPr>
      </w:pPr>
      <w:r>
        <w:rPr>
          <w:b/>
          <w:u w:val="single"/>
        </w:rPr>
        <w:t>Meetings of the Committee</w:t>
      </w:r>
      <w:r>
        <w:rPr>
          <w:b/>
        </w:rPr>
        <w:t xml:space="preserve">. </w:t>
      </w:r>
    </w:p>
    <w:p w:rsidR="001233B0" w:rsidRDefault="001233B0">
      <w:pPr>
        <w:pStyle w:val="Heading2"/>
      </w:pPr>
      <w:r>
        <w:rPr>
          <w:u w:val="single"/>
        </w:rPr>
        <w:t>Regular Meetings</w:t>
      </w:r>
      <w:r>
        <w:t xml:space="preserve">.  The Committee is required to meet </w:t>
      </w:r>
      <w:r w:rsidRPr="00AC3DE5">
        <w:t xml:space="preserve">at least once a year </w:t>
      </w:r>
      <w:r w:rsidR="00740FF6" w:rsidRPr="00AC3DE5">
        <w:t xml:space="preserve">including an annual organizational meeting, </w:t>
      </w:r>
      <w:r w:rsidRPr="00AC3DE5">
        <w:t xml:space="preserve">but may </w:t>
      </w:r>
      <w:r w:rsidR="00740FF6" w:rsidRPr="00AC3DE5">
        <w:t xml:space="preserve">not </w:t>
      </w:r>
      <w:r w:rsidRPr="00AC3DE5">
        <w:t>meet more</w:t>
      </w:r>
      <w:r w:rsidR="00740FF6" w:rsidRPr="00AC3DE5">
        <w:t xml:space="preserve"> frequently than quarterly</w:t>
      </w:r>
      <w:r>
        <w:t xml:space="preserve">. </w:t>
      </w:r>
    </w:p>
    <w:p w:rsidR="001233B0" w:rsidRDefault="001233B0">
      <w:pPr>
        <w:pStyle w:val="Heading2"/>
      </w:pPr>
      <w:r>
        <w:rPr>
          <w:u w:val="single"/>
        </w:rPr>
        <w:t>Location</w:t>
      </w:r>
      <w:r>
        <w:t>.  All meetings shall be held within the</w:t>
      </w:r>
      <w:r w:rsidR="00740FF6">
        <w:t xml:space="preserve"> </w:t>
      </w:r>
      <w:r w:rsidR="00740FF6" w:rsidRPr="00AC3DE5">
        <w:t>jurisdiction of the</w:t>
      </w:r>
      <w:r>
        <w:t xml:space="preserve"> </w:t>
      </w:r>
      <w:r w:rsidR="00A972CD">
        <w:t>Yosemite Community College District</w:t>
      </w:r>
      <w:r>
        <w:t xml:space="preserve">. </w:t>
      </w:r>
    </w:p>
    <w:p w:rsidR="001233B0" w:rsidRDefault="001233B0">
      <w:pPr>
        <w:pStyle w:val="Heading2"/>
      </w:pPr>
      <w:r>
        <w:rPr>
          <w:u w:val="single"/>
        </w:rPr>
        <w:t>Procedures</w:t>
      </w:r>
      <w:r>
        <w:t xml:space="preserve">.  All meetings shall be open to the public in accordance with the </w:t>
      </w:r>
      <w:r>
        <w:rPr>
          <w:i/>
        </w:rPr>
        <w:t>Ralph M. Brown Act</w:t>
      </w:r>
      <w:r>
        <w:t xml:space="preserve">, Government Code Section 54950 </w:t>
      </w:r>
      <w:r>
        <w:rPr>
          <w:i/>
        </w:rPr>
        <w:t>et seq.</w:t>
      </w:r>
      <w:r>
        <w:t xml:space="preserve">  Meetings shall be conducted according to such </w:t>
      </w:r>
      <w:r>
        <w:lastRenderedPageBreak/>
        <w:t>additional procedural rules as the Committee may adopt.  A majority of the number of Committee members shall constitute a quorum for the transaction of any business.</w:t>
      </w:r>
    </w:p>
    <w:p w:rsidR="001233B0" w:rsidRDefault="001233B0">
      <w:pPr>
        <w:pStyle w:val="Heading1"/>
        <w:rPr>
          <w:b/>
        </w:rPr>
      </w:pPr>
      <w:r>
        <w:rPr>
          <w:b/>
          <w:u w:val="single"/>
        </w:rPr>
        <w:t>District Support</w:t>
      </w:r>
      <w:r>
        <w:rPr>
          <w:b/>
        </w:rPr>
        <w:t xml:space="preserve">. </w:t>
      </w:r>
    </w:p>
    <w:p w:rsidR="001233B0" w:rsidRDefault="001233B0">
      <w:pPr>
        <w:pStyle w:val="Heading2"/>
      </w:pPr>
      <w:r>
        <w:t xml:space="preserve">The District shall provide to the Committee necessary technical and administrative assistance as follows: </w:t>
      </w:r>
    </w:p>
    <w:p w:rsidR="001233B0" w:rsidRDefault="001233B0" w:rsidP="00740FF6">
      <w:pPr>
        <w:pStyle w:val="Heading4"/>
      </w:pPr>
      <w:r>
        <w:t xml:space="preserve">preparation of and posting of public notices as required by the </w:t>
      </w:r>
      <w:r>
        <w:rPr>
          <w:i/>
        </w:rPr>
        <w:t>Brown Act</w:t>
      </w:r>
      <w:r>
        <w:t xml:space="preserve">, ensuring that all notices to the public are provided in the same manner as notices regarding meetings of the District Board; </w:t>
      </w:r>
    </w:p>
    <w:p w:rsidR="001233B0" w:rsidRDefault="001233B0" w:rsidP="00740FF6">
      <w:pPr>
        <w:pStyle w:val="Heading4"/>
      </w:pPr>
      <w:r>
        <w:t xml:space="preserve">provision of a meeting room, including any necessary audio/visual equipment; </w:t>
      </w:r>
    </w:p>
    <w:p w:rsidR="001233B0" w:rsidRDefault="001233B0" w:rsidP="00740FF6">
      <w:pPr>
        <w:pStyle w:val="Heading4"/>
      </w:pPr>
      <w:r>
        <w:t xml:space="preserve">preparation and copies of any documentary meeting materials, such as agendas and reports; and </w:t>
      </w:r>
    </w:p>
    <w:p w:rsidR="001233B0" w:rsidRDefault="001233B0" w:rsidP="00740FF6">
      <w:pPr>
        <w:pStyle w:val="Heading4"/>
      </w:pPr>
      <w:r>
        <w:t xml:space="preserve">retention of all Committee records, and providing public access to such records on an Internet website maintained by the District. </w:t>
      </w:r>
    </w:p>
    <w:p w:rsidR="001233B0" w:rsidRDefault="001233B0">
      <w:pPr>
        <w:pStyle w:val="Heading2"/>
      </w:pPr>
      <w:r>
        <w:t xml:space="preserve">District staff and/or District consultants shall attend Committee proceedings in order to report on the status of projects and the expenditures of bond proceeds. </w:t>
      </w:r>
    </w:p>
    <w:p w:rsidR="001233B0" w:rsidRDefault="001233B0">
      <w:pPr>
        <w:pStyle w:val="Heading2"/>
      </w:pPr>
      <w:r>
        <w:t>No bond proceeds</w:t>
      </w:r>
      <w:r w:rsidR="008F0F63">
        <w:t xml:space="preserve"> </w:t>
      </w:r>
      <w:r w:rsidR="008F0F63" w:rsidRPr="00AC3DE5">
        <w:t>of Measure E may</w:t>
      </w:r>
      <w:r>
        <w:t xml:space="preserve"> be</w:t>
      </w:r>
      <w:r w:rsidR="008F0F63">
        <w:t xml:space="preserve"> </w:t>
      </w:r>
      <w:r w:rsidR="008F0F63" w:rsidRPr="00AC3DE5">
        <w:t>made</w:t>
      </w:r>
      <w:r>
        <w:t xml:space="preserve"> to provide District support </w:t>
      </w:r>
      <w:r w:rsidR="008F0F63" w:rsidRPr="00AC3DE5">
        <w:t>of</w:t>
      </w:r>
      <w:r w:rsidR="008F0F63">
        <w:t xml:space="preserve"> </w:t>
      </w:r>
      <w:r>
        <w:t>the Committee.</w:t>
      </w:r>
    </w:p>
    <w:p w:rsidR="001233B0" w:rsidRDefault="001233B0">
      <w:pPr>
        <w:pStyle w:val="Heading1"/>
      </w:pPr>
      <w:r>
        <w:rPr>
          <w:b/>
          <w:u w:val="single"/>
        </w:rPr>
        <w:t>Reports</w:t>
      </w:r>
      <w:r>
        <w:rPr>
          <w:b/>
        </w:rPr>
        <w:t>.</w:t>
      </w:r>
      <w:r>
        <w:t xml:space="preserve">  In addition to the Annual Report required in Secti</w:t>
      </w:r>
      <w:r w:rsidRPr="00AC3DE5">
        <w:t>on</w:t>
      </w:r>
      <w:r w:rsidR="008F0F63" w:rsidRPr="00AC3DE5">
        <w:t xml:space="preserve"> 3.3</w:t>
      </w:r>
      <w:r w:rsidRPr="00AC3DE5">
        <w:t xml:space="preserve">, the Committee may report to the Board </w:t>
      </w:r>
      <w:r w:rsidR="00AF4366" w:rsidRPr="00AC3DE5">
        <w:t xml:space="preserve">from time to time </w:t>
      </w:r>
      <w:r w:rsidRPr="00AC3DE5">
        <w:t xml:space="preserve">in order to advise the Board on the activities of the Committee.  </w:t>
      </w:r>
      <w:r w:rsidR="008F0F63" w:rsidRPr="00AC3DE5">
        <w:t>Such report</w:t>
      </w:r>
      <w:r w:rsidR="008F0F63">
        <w:rPr>
          <w:b/>
        </w:rPr>
        <w:t xml:space="preserve"> </w:t>
      </w:r>
      <w:r>
        <w:t xml:space="preserve">shall be in writing and shall summarize the proceedings and activities conducted by the Committee. </w:t>
      </w:r>
    </w:p>
    <w:p w:rsidR="008F0F63" w:rsidRPr="000E1D0A" w:rsidRDefault="001233B0" w:rsidP="008F0F63">
      <w:pPr>
        <w:numPr>
          <w:ilvl w:val="0"/>
          <w:numId w:val="1"/>
        </w:numPr>
        <w:tabs>
          <w:tab w:val="clear" w:pos="0"/>
          <w:tab w:val="left" w:pos="1980"/>
        </w:tabs>
        <w:spacing w:after="240"/>
        <w:jc w:val="both"/>
        <w:outlineLvl w:val="0"/>
        <w:rPr>
          <w:snapToGrid w:val="0"/>
        </w:rPr>
      </w:pPr>
      <w:r>
        <w:rPr>
          <w:b/>
          <w:u w:val="single"/>
        </w:rPr>
        <w:t>Officers</w:t>
      </w:r>
      <w:r>
        <w:rPr>
          <w:b/>
        </w:rPr>
        <w:t>.</w:t>
      </w:r>
      <w:r>
        <w:t xml:space="preserve">  The </w:t>
      </w:r>
      <w:r w:rsidR="008F0F63" w:rsidRPr="00AC3DE5">
        <w:t xml:space="preserve">Board, upon the recommendation of the Chancellor </w:t>
      </w:r>
      <w:r w:rsidRPr="00AC3DE5">
        <w:t xml:space="preserve">shall appoint the initial Chair </w:t>
      </w:r>
      <w:r w:rsidR="008F0F63" w:rsidRPr="00AC3DE5">
        <w:t xml:space="preserve">of the Committee </w:t>
      </w:r>
      <w:r w:rsidRPr="00AC3DE5">
        <w:t>to serve for</w:t>
      </w:r>
      <w:r w:rsidR="008F0F63" w:rsidRPr="00AC3DE5">
        <w:t xml:space="preserve"> one year as Chair</w:t>
      </w:r>
      <w:r>
        <w:t xml:space="preserve">.  </w:t>
      </w:r>
      <w:r w:rsidRPr="00147256">
        <w:t>Thereafter, the Committee shall elect</w:t>
      </w:r>
      <w:r w:rsidR="008F0F63" w:rsidRPr="00147256">
        <w:t xml:space="preserve"> the</w:t>
      </w:r>
      <w:r w:rsidRPr="00147256">
        <w:t xml:space="preserve"> Chair and a Vice-Chair who shall act as </w:t>
      </w:r>
      <w:r w:rsidR="008F0F63" w:rsidRPr="00147256">
        <w:t>C</w:t>
      </w:r>
      <w:r w:rsidRPr="00147256">
        <w:t>hair only whe</w:t>
      </w:r>
      <w:r w:rsidR="008F0F63" w:rsidRPr="00147256">
        <w:t xml:space="preserve">n the Chair is absent.  </w:t>
      </w:r>
      <w:r w:rsidR="008F0F63" w:rsidRPr="00147256">
        <w:rPr>
          <w:snapToGrid w:val="0"/>
        </w:rPr>
        <w:t>No person shall serve as Chair for more than three consecutive years.</w:t>
      </w:r>
    </w:p>
    <w:p w:rsidR="001233B0" w:rsidRDefault="001233B0">
      <w:pPr>
        <w:pStyle w:val="Heading1"/>
      </w:pPr>
      <w:r>
        <w:rPr>
          <w:b/>
          <w:u w:val="single"/>
        </w:rPr>
        <w:t>Amendment of Bylaws</w:t>
      </w:r>
      <w:r>
        <w:rPr>
          <w:b/>
        </w:rPr>
        <w:t>.</w:t>
      </w:r>
      <w:r>
        <w:t xml:space="preserve"> Any amendment to these Bylaws shall be approved by a </w:t>
      </w:r>
      <w:r w:rsidR="00AF4366">
        <w:t xml:space="preserve">majority vote of the </w:t>
      </w:r>
      <w:r>
        <w:t xml:space="preserve">Board. </w:t>
      </w:r>
    </w:p>
    <w:p w:rsidR="001233B0" w:rsidRDefault="001233B0">
      <w:pPr>
        <w:pStyle w:val="Heading1"/>
      </w:pPr>
      <w:r>
        <w:rPr>
          <w:b/>
          <w:u w:val="single"/>
        </w:rPr>
        <w:t>Termination</w:t>
      </w:r>
      <w:r>
        <w:rPr>
          <w:b/>
        </w:rPr>
        <w:t>.</w:t>
      </w:r>
      <w:r>
        <w:t xml:space="preserve"> The Committee shall automatically</w:t>
      </w:r>
      <w:r w:rsidR="00147256">
        <w:t xml:space="preserve"> </w:t>
      </w:r>
      <w:r w:rsidRPr="00147256">
        <w:t>terminate and disband</w:t>
      </w:r>
      <w:r w:rsidR="00F70EA6" w:rsidRPr="00147256">
        <w:t xml:space="preserve"> concurrently with the Committee’s submission of its final Annual Report which reflects the final accounting of the expenditure of all the proceeds of</w:t>
      </w:r>
      <w:r>
        <w:t xml:space="preserve"> </w:t>
      </w:r>
      <w:r w:rsidR="00A972CD">
        <w:t>Measure E</w:t>
      </w:r>
      <w:r>
        <w:t xml:space="preserve">. </w:t>
      </w:r>
    </w:p>
    <w:p w:rsidR="001233B0" w:rsidRDefault="001233B0">
      <w:pPr>
        <w:spacing w:after="480"/>
        <w:jc w:val="center"/>
        <w:rPr>
          <w:b/>
        </w:rPr>
      </w:pPr>
      <w:r>
        <w:br w:type="page"/>
      </w:r>
      <w:r>
        <w:rPr>
          <w:b/>
        </w:rPr>
        <w:lastRenderedPageBreak/>
        <w:t>CITIZENS' BOND OVERSIGHT COMMITTEE</w:t>
      </w:r>
      <w:r>
        <w:rPr>
          <w:b/>
        </w:rPr>
        <w:br/>
        <w:t>ETHICS POLICY STATEMENT</w:t>
      </w:r>
    </w:p>
    <w:p w:rsidR="001233B0" w:rsidRDefault="001233B0">
      <w:pPr>
        <w:pStyle w:val="BodyText"/>
        <w:jc w:val="both"/>
      </w:pPr>
      <w:r>
        <w:t xml:space="preserve">This Ethics Policy Statement provides general guidelines for Committee members to follow </w:t>
      </w:r>
      <w:r w:rsidR="00F70EA6" w:rsidRPr="00147256">
        <w:t>in</w:t>
      </w:r>
      <w:r w:rsidR="00F70EA6">
        <w:t xml:space="preserve"> </w:t>
      </w:r>
      <w:r>
        <w:t xml:space="preserve">carrying out their roles.  Not all ethical issues that Committee members face are covered in this Statement.  However, this Statement captures some of the critical areas that help define ethical and professional conduct for Committee members.  The provisions of this Statement were developed from existing laws, rules, policies and procedures as well as from concepts that define generally accepted good business practices.  Committee members are expected to strictly adhere to the provisions of this Ethics Policy. </w:t>
      </w:r>
    </w:p>
    <w:p w:rsidR="001233B0" w:rsidRDefault="001233B0">
      <w:pPr>
        <w:spacing w:after="240"/>
        <w:jc w:val="center"/>
        <w:rPr>
          <w:b/>
        </w:rPr>
      </w:pPr>
      <w:r>
        <w:rPr>
          <w:b/>
        </w:rPr>
        <w:t>POLICY</w:t>
      </w:r>
    </w:p>
    <w:p w:rsidR="001233B0" w:rsidRDefault="001233B0">
      <w:pPr>
        <w:pStyle w:val="BodyText"/>
        <w:numPr>
          <w:ilvl w:val="0"/>
          <w:numId w:val="16"/>
        </w:numPr>
        <w:tabs>
          <w:tab w:val="clear" w:pos="360"/>
        </w:tabs>
        <w:ind w:left="0" w:firstLine="720"/>
        <w:jc w:val="both"/>
      </w:pPr>
      <w:r>
        <w:t xml:space="preserve">CONFLICT OF INTEREST.  A Committee member shall not make or influence a District decision related to: (1) any contract funded by bond proceeds or (2) any construction project which will benefit the </w:t>
      </w:r>
      <w:r w:rsidR="00F70EA6" w:rsidRPr="00147256">
        <w:t>C</w:t>
      </w:r>
      <w:r>
        <w:t xml:space="preserve">ommittee member's outside employment, business, or a personal finance or benefit an immediate family member, such as a spouse, child or parent. </w:t>
      </w:r>
    </w:p>
    <w:p w:rsidR="001233B0" w:rsidRDefault="001233B0">
      <w:pPr>
        <w:pStyle w:val="BodyText"/>
        <w:numPr>
          <w:ilvl w:val="0"/>
          <w:numId w:val="17"/>
        </w:numPr>
        <w:tabs>
          <w:tab w:val="clear" w:pos="360"/>
        </w:tabs>
        <w:ind w:left="0" w:firstLine="720"/>
        <w:jc w:val="both"/>
      </w:pPr>
      <w:r>
        <w:t xml:space="preserve">OUTSIDE EMPLOYMENT.  A Committee member shall not use his or her authority over a particular matter to negotiate future employment with any person or organization that relates to: (1) any contract funded by bond proceeds, or (2) any construction project.  A Committee member shall not make or influence a District decision related to any construction project involving the interest of a person with whom the member has an agreement concerning current or future employment, or remuneration of any kind.  For a period of two (2) years after leaving the Committee, a former Committee member may not represent any person or organization for compensation in connection with any matter pending before the District that, as a Committee member, he or she participated in personally and substantially.  Specifically, for a period of two (2) years after leaving the Committee, a former Committee member and the companies and businesses for which the member works shall be prohibited from contracting with the District with respect to: (1) bidding on projects funded by the bond proceeds; and (2) any construction project. </w:t>
      </w:r>
    </w:p>
    <w:p w:rsidR="001233B0" w:rsidRDefault="001233B0">
      <w:pPr>
        <w:pStyle w:val="BodyText"/>
        <w:numPr>
          <w:ilvl w:val="0"/>
          <w:numId w:val="17"/>
        </w:numPr>
        <w:tabs>
          <w:tab w:val="clear" w:pos="360"/>
        </w:tabs>
        <w:ind w:left="0" w:firstLine="720"/>
        <w:jc w:val="both"/>
      </w:pPr>
      <w:r>
        <w:t xml:space="preserve">COMMITMENT TO UPHOLD LAW.  A Committee member shall uphold the federal and California Constitutions, the laws and regulations of the United States and the State of California (particularly the Education Code) and all other applicable government entities, and the policies, procedures, rules and regulations of the </w:t>
      </w:r>
      <w:r w:rsidR="00A972CD">
        <w:t>Yosemite Community College District</w:t>
      </w:r>
      <w:r>
        <w:t xml:space="preserve">; </w:t>
      </w:r>
    </w:p>
    <w:p w:rsidR="001233B0" w:rsidRDefault="001233B0">
      <w:pPr>
        <w:pStyle w:val="BodyText"/>
        <w:numPr>
          <w:ilvl w:val="0"/>
          <w:numId w:val="17"/>
        </w:numPr>
        <w:tabs>
          <w:tab w:val="clear" w:pos="360"/>
        </w:tabs>
        <w:ind w:left="0" w:firstLine="720"/>
        <w:jc w:val="both"/>
      </w:pPr>
      <w:r>
        <w:t xml:space="preserve">COMMITMENT TO DISTRICT.  A Committee member shall place the interests of the District above any personal or business interest of the member. </w:t>
      </w:r>
    </w:p>
    <w:sectPr w:rsidR="001233B0">
      <w:footerReference w:type="default" r:id="rId8"/>
      <w:footerReference w:type="first" r:id="rId9"/>
      <w:pgSz w:w="12240" w:h="15840" w:code="1"/>
      <w:pgMar w:top="1440" w:right="1440" w:bottom="1440" w:left="1440" w:header="720" w:footer="720" w:gutter="0"/>
      <w:cols w:space="720"/>
      <w:titlePg/>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F271FA" w:rsidRDefault="00F271FA">
      <w:r>
        <w:separator/>
      </w:r>
    </w:p>
  </w:endnote>
  <w:endnote w:type="continuationSeparator" w:id="0">
    <w:p w:rsidR="00F271FA" w:rsidRDefault="00F271F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71253B" w:rsidRDefault="0071253B">
    <w:pPr>
      <w:pStyle w:val="Footer"/>
    </w:pPr>
    <w:r>
      <w:tab/>
    </w:r>
    <w:r>
      <w:rPr>
        <w:rStyle w:val="PageNumber"/>
      </w:rPr>
      <w:fldChar w:fldCharType="begin"/>
    </w:r>
    <w:r>
      <w:rPr>
        <w:rStyle w:val="PageNumber"/>
      </w:rPr>
      <w:instrText xml:space="preserve"> PAGE </w:instrText>
    </w:r>
    <w:r>
      <w:rPr>
        <w:rStyle w:val="PageNumber"/>
      </w:rPr>
      <w:fldChar w:fldCharType="separate"/>
    </w:r>
    <w:r w:rsidR="00E27D34">
      <w:rPr>
        <w:rStyle w:val="PageNumber"/>
        <w:noProof/>
      </w:rPr>
      <w:t>3</w:t>
    </w:r>
    <w:r>
      <w:rPr>
        <w:rStyle w:val="PageNumber"/>
      </w:rPr>
      <w:fldChar w:fldCharType="end"/>
    </w:r>
  </w:p>
  <w:p w:rsidR="0071253B" w:rsidRDefault="00E27D34" w:rsidP="005E654F">
    <w:pPr>
      <w:pStyle w:val="Footer"/>
    </w:pPr>
    <w:r>
      <w:fldChar w:fldCharType="begin"/>
    </w:r>
    <w:r>
      <w:instrText xml:space="preserve"> DOCPROPERTY "SWDocID"  \* MERGEFORMAT </w:instrText>
    </w:r>
    <w:r>
      <w:fldChar w:fldCharType="separate"/>
    </w:r>
    <w:r w:rsidR="00E50BC0" w:rsidRPr="00E50BC0">
      <w:rPr>
        <w:sz w:val="18"/>
      </w:rPr>
      <w:t>DOCSSF/47685v3/24576-0001</w:t>
    </w:r>
    <w:r>
      <w:rPr>
        <w:sz w:val="18"/>
      </w:rPr>
      <w:fldChar w:fldCharType="end"/>
    </w:r>
    <w:r w:rsidR="00B507EB">
      <w:tab/>
    </w:r>
    <w:r w:rsidR="00B507EB">
      <w:tab/>
    </w:r>
    <w:r w:rsidR="00082A3E">
      <w:t xml:space="preserve">BOARD ADOPTED REVISIONS </w:t>
    </w:r>
    <w:r>
      <w:t>1</w:t>
    </w:r>
    <w:r w:rsidR="00E50BC0">
      <w:t>0-</w:t>
    </w:r>
    <w:r>
      <w:t>09</w:t>
    </w:r>
    <w:r w:rsidR="00E50BC0">
      <w:t>-13</w:t>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71253B" w:rsidRDefault="0071253B">
    <w:pPr>
      <w:pStyle w:val="Footer"/>
    </w:pPr>
  </w:p>
  <w:p w:rsidR="0071253B" w:rsidRDefault="0071253B">
    <w:pPr>
      <w:pStyle w:val="Footer"/>
    </w:pPr>
  </w:p>
  <w:p w:rsidR="0071253B" w:rsidRDefault="00E27D34" w:rsidP="005E654F">
    <w:pPr>
      <w:pStyle w:val="Footer"/>
    </w:pPr>
    <w:r>
      <w:fldChar w:fldCharType="begin"/>
    </w:r>
    <w:r>
      <w:instrText xml:space="preserve"> DOCPROPERTY "SWDocID"  \* MERGEFORMAT </w:instrText>
    </w:r>
    <w:r>
      <w:fldChar w:fldCharType="separate"/>
    </w:r>
    <w:r w:rsidR="00E50BC0" w:rsidRPr="00E50BC0">
      <w:rPr>
        <w:sz w:val="18"/>
      </w:rPr>
      <w:t>DOCSSF/47685v3/24576-0001</w:t>
    </w:r>
    <w:r>
      <w:rPr>
        <w:sz w:val="18"/>
      </w:rPr>
      <w:fldChar w:fldCharType="end"/>
    </w:r>
    <w:r w:rsidR="009A0FB5">
      <w:tab/>
    </w:r>
    <w:r w:rsidR="009A0FB5">
      <w:tab/>
    </w:r>
    <w:r w:rsidR="00082A3E">
      <w:t>BOARD ADOPTED REVISIONS</w:t>
    </w:r>
    <w:r w:rsidR="009A0FB5">
      <w:t xml:space="preserve"> </w:t>
    </w:r>
    <w:r>
      <w:t>10-</w:t>
    </w:r>
    <w:r w:rsidR="00E50BC0">
      <w:t>09-13</w:t>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F271FA" w:rsidRDefault="00F271FA">
      <w:r>
        <w:separator/>
      </w:r>
    </w:p>
  </w:footnote>
  <w:footnote w:type="continuationSeparator" w:id="0">
    <w:p w:rsidR="00F271FA" w:rsidRDefault="00F271FA">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261F1E1C"/>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
    <w:nsid w:val="308802B2"/>
    <w:multiLevelType w:val="hybridMultilevel"/>
    <w:tmpl w:val="B8623356"/>
    <w:lvl w:ilvl="0" w:tplc="55562E9E">
      <w:start w:val="1"/>
      <w:numFmt w:val="lowerLetter"/>
      <w:lvlText w:val="(%1)"/>
      <w:lvlJc w:val="left"/>
      <w:pPr>
        <w:ind w:left="3600" w:hanging="360"/>
      </w:pPr>
      <w:rPr>
        <w:rFonts w:hint="default"/>
      </w:rPr>
    </w:lvl>
    <w:lvl w:ilvl="1" w:tplc="04090019">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2">
    <w:nsid w:val="4F524E72"/>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3">
    <w:nsid w:val="6479487F"/>
    <w:multiLevelType w:val="multilevel"/>
    <w:tmpl w:val="065C67BA"/>
    <w:lvl w:ilvl="0">
      <w:start w:val="1"/>
      <w:numFmt w:val="decimal"/>
      <w:pStyle w:val="Heading1"/>
      <w:lvlText w:val="Section %1."/>
      <w:lvlJc w:val="left"/>
      <w:pPr>
        <w:tabs>
          <w:tab w:val="num" w:pos="0"/>
        </w:tabs>
        <w:ind w:left="0" w:firstLine="720"/>
      </w:pPr>
      <w:rPr>
        <w:rFonts w:hint="default"/>
        <w:b/>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isLgl/>
      <w:lvlText w:val="%1.%2"/>
      <w:lvlJc w:val="left"/>
      <w:pPr>
        <w:tabs>
          <w:tab w:val="num" w:pos="0"/>
        </w:tabs>
        <w:ind w:left="0" w:firstLine="72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0"/>
        </w:tabs>
        <w:ind w:left="720" w:firstLine="72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Heading4"/>
      <w:lvlText w:val="(%4)"/>
      <w:lvlJc w:val="left"/>
      <w:pPr>
        <w:tabs>
          <w:tab w:val="num" w:pos="2088"/>
        </w:tabs>
        <w:ind w:left="1152" w:firstLine="288"/>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Heading5"/>
      <w:lvlText w:val="(%5)"/>
      <w:lvlJc w:val="left"/>
      <w:pPr>
        <w:tabs>
          <w:tab w:val="num" w:pos="0"/>
        </w:tabs>
        <w:ind w:left="0" w:firstLine="288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Heading6"/>
      <w:lvlText w:val="(%6)"/>
      <w:lvlJc w:val="left"/>
      <w:pPr>
        <w:tabs>
          <w:tab w:val="num" w:pos="0"/>
        </w:tabs>
        <w:ind w:left="0" w:firstLine="360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Heading7"/>
      <w:lvlText w:val="%7."/>
      <w:lvlJc w:val="left"/>
      <w:pPr>
        <w:tabs>
          <w:tab w:val="num" w:pos="0"/>
        </w:tabs>
        <w:ind w:left="0" w:firstLine="432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Heading8"/>
      <w:lvlText w:val="%8."/>
      <w:lvlJc w:val="left"/>
      <w:pPr>
        <w:tabs>
          <w:tab w:val="num" w:pos="0"/>
        </w:tabs>
        <w:ind w:left="0" w:firstLine="5040"/>
      </w:pPr>
      <w:rPr>
        <w:rFonts w:hint="default"/>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ind w:left="5760" w:firstLine="0"/>
      </w:pPr>
      <w:rPr>
        <w:rFonts w:hint="default"/>
      </w:rPr>
    </w:lvl>
  </w:abstractNum>
  <w:abstractNum w:abstractNumId="4">
    <w:nsid w:val="73943CD4"/>
    <w:multiLevelType w:val="singleLevel"/>
    <w:tmpl w:val="63288C32"/>
    <w:lvl w:ilvl="0">
      <w:start w:val="1"/>
      <w:numFmt w:val="bullet"/>
      <w:lvlText w:val=""/>
      <w:lvlJc w:val="left"/>
      <w:pPr>
        <w:tabs>
          <w:tab w:val="num" w:pos="720"/>
        </w:tabs>
        <w:ind w:left="720" w:hanging="360"/>
      </w:pPr>
      <w:rPr>
        <w:rFonts w:ascii="Symbol" w:hAnsi="Symbol" w:hint="default"/>
      </w:rPr>
    </w:lvl>
  </w:abstractNum>
  <w:num w:numId="1">
    <w:abstractNumId w:val="3"/>
  </w:num>
  <w:num w:numId="2">
    <w:abstractNumId w:val="3"/>
  </w:num>
  <w:num w:numId="3">
    <w:abstractNumId w:val="3"/>
  </w:num>
  <w:num w:numId="4">
    <w:abstractNumId w:val="3"/>
  </w:num>
  <w:num w:numId="5">
    <w:abstractNumId w:val="3"/>
  </w:num>
  <w:num w:numId="6">
    <w:abstractNumId w:val="3"/>
  </w:num>
  <w:num w:numId="7">
    <w:abstractNumId w:val="3"/>
  </w:num>
  <w:num w:numId="8">
    <w:abstractNumId w:val="3"/>
  </w:num>
  <w:num w:numId="9">
    <w:abstractNumId w:val="3"/>
  </w:num>
  <w:num w:numId="10">
    <w:abstractNumId w:val="3"/>
  </w:num>
  <w:num w:numId="11">
    <w:abstractNumId w:val="3"/>
  </w:num>
  <w:num w:numId="12">
    <w:abstractNumId w:val="3"/>
  </w:num>
  <w:num w:numId="13">
    <w:abstractNumId w:val="3"/>
  </w:num>
  <w:num w:numId="14">
    <w:abstractNumId w:val="3"/>
  </w:num>
  <w:num w:numId="15">
    <w:abstractNumId w:val="3"/>
  </w:num>
  <w:num w:numId="16">
    <w:abstractNumId w:val="0"/>
  </w:num>
  <w:num w:numId="17">
    <w:abstractNumId w:val="2"/>
  </w:num>
  <w:num w:numId="18">
    <w:abstractNumId w:val="4"/>
  </w:num>
  <w:num w:numId="19">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0"/>
  <w:embedSystemFonts/>
  <w:activeWritingStyle w:appName="MSWord" w:lang="en-US" w:vendorID="8" w:dllVersion="513"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512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Date" w:val="0"/>
    <w:docVar w:name="SWDocIDLocation" w:val="1"/>
  </w:docVars>
  <w:rsids>
    <w:rsidRoot w:val="001233B0"/>
    <w:rsid w:val="00082A3E"/>
    <w:rsid w:val="000F4960"/>
    <w:rsid w:val="0012222F"/>
    <w:rsid w:val="001233B0"/>
    <w:rsid w:val="0014462F"/>
    <w:rsid w:val="00147256"/>
    <w:rsid w:val="001841AD"/>
    <w:rsid w:val="001A5537"/>
    <w:rsid w:val="001A5D9B"/>
    <w:rsid w:val="002029BD"/>
    <w:rsid w:val="00224D91"/>
    <w:rsid w:val="0022501F"/>
    <w:rsid w:val="00241494"/>
    <w:rsid w:val="0025313A"/>
    <w:rsid w:val="002C09B1"/>
    <w:rsid w:val="002D4F03"/>
    <w:rsid w:val="002D5B5A"/>
    <w:rsid w:val="002D7ADE"/>
    <w:rsid w:val="002D7CA0"/>
    <w:rsid w:val="002E259B"/>
    <w:rsid w:val="003268F3"/>
    <w:rsid w:val="00350CC7"/>
    <w:rsid w:val="00364394"/>
    <w:rsid w:val="003930D9"/>
    <w:rsid w:val="003D3B3A"/>
    <w:rsid w:val="00414A4C"/>
    <w:rsid w:val="00417EAF"/>
    <w:rsid w:val="004474FD"/>
    <w:rsid w:val="00467CA5"/>
    <w:rsid w:val="004E526B"/>
    <w:rsid w:val="004F2E47"/>
    <w:rsid w:val="005553F9"/>
    <w:rsid w:val="005A4061"/>
    <w:rsid w:val="005A7669"/>
    <w:rsid w:val="005C2E7A"/>
    <w:rsid w:val="005E654F"/>
    <w:rsid w:val="006171B4"/>
    <w:rsid w:val="00647627"/>
    <w:rsid w:val="00660EE9"/>
    <w:rsid w:val="007021E8"/>
    <w:rsid w:val="0071253B"/>
    <w:rsid w:val="00740FF6"/>
    <w:rsid w:val="00752CD6"/>
    <w:rsid w:val="007B4950"/>
    <w:rsid w:val="00854A5C"/>
    <w:rsid w:val="008607B9"/>
    <w:rsid w:val="008923FF"/>
    <w:rsid w:val="00895BCC"/>
    <w:rsid w:val="008E1187"/>
    <w:rsid w:val="008E5C9B"/>
    <w:rsid w:val="008F0F63"/>
    <w:rsid w:val="00917FFC"/>
    <w:rsid w:val="00964CB7"/>
    <w:rsid w:val="00990010"/>
    <w:rsid w:val="009938D9"/>
    <w:rsid w:val="009966B3"/>
    <w:rsid w:val="009A0FB5"/>
    <w:rsid w:val="009C2EC0"/>
    <w:rsid w:val="00A00C7E"/>
    <w:rsid w:val="00A03DF2"/>
    <w:rsid w:val="00A334D3"/>
    <w:rsid w:val="00A50F84"/>
    <w:rsid w:val="00A60723"/>
    <w:rsid w:val="00A9370F"/>
    <w:rsid w:val="00A972CD"/>
    <w:rsid w:val="00A974C3"/>
    <w:rsid w:val="00AC3DE5"/>
    <w:rsid w:val="00AF25DE"/>
    <w:rsid w:val="00AF4366"/>
    <w:rsid w:val="00B07A55"/>
    <w:rsid w:val="00B21E5A"/>
    <w:rsid w:val="00B507EB"/>
    <w:rsid w:val="00B53709"/>
    <w:rsid w:val="00BA1574"/>
    <w:rsid w:val="00BF430C"/>
    <w:rsid w:val="00C82694"/>
    <w:rsid w:val="00C85336"/>
    <w:rsid w:val="00C979E7"/>
    <w:rsid w:val="00CC6519"/>
    <w:rsid w:val="00CD27FB"/>
    <w:rsid w:val="00D11283"/>
    <w:rsid w:val="00D33D0E"/>
    <w:rsid w:val="00D405EF"/>
    <w:rsid w:val="00D63EE4"/>
    <w:rsid w:val="00D979E0"/>
    <w:rsid w:val="00DA7AB2"/>
    <w:rsid w:val="00E13929"/>
    <w:rsid w:val="00E27D34"/>
    <w:rsid w:val="00E50BC0"/>
    <w:rsid w:val="00E81435"/>
    <w:rsid w:val="00EE4560"/>
    <w:rsid w:val="00F26413"/>
    <w:rsid w:val="00F271FA"/>
    <w:rsid w:val="00F70EA6"/>
    <w:rsid w:val="00FA42D8"/>
    <w:rsid w:val="00FD688A"/>
    <w:rsid w:val="00FF0C2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121"/>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Pr>
      <w:sz w:val="23"/>
    </w:rPr>
  </w:style>
  <w:style w:type="paragraph" w:styleId="Heading1">
    <w:name w:val="heading 1"/>
    <w:basedOn w:val="Normal"/>
    <w:next w:val="BodyText"/>
    <w:qFormat/>
    <w:pPr>
      <w:numPr>
        <w:numId w:val="8"/>
      </w:numPr>
      <w:tabs>
        <w:tab w:val="left" w:pos="1980"/>
      </w:tabs>
      <w:spacing w:after="240"/>
      <w:jc w:val="both"/>
      <w:outlineLvl w:val="0"/>
    </w:pPr>
    <w:rPr>
      <w:snapToGrid w:val="0"/>
    </w:rPr>
  </w:style>
  <w:style w:type="paragraph" w:styleId="Heading2">
    <w:name w:val="heading 2"/>
    <w:basedOn w:val="Normal"/>
    <w:next w:val="BodyText"/>
    <w:qFormat/>
    <w:pPr>
      <w:numPr>
        <w:ilvl w:val="1"/>
        <w:numId w:val="8"/>
      </w:numPr>
      <w:spacing w:after="240"/>
      <w:jc w:val="both"/>
      <w:outlineLvl w:val="1"/>
    </w:pPr>
    <w:rPr>
      <w:snapToGrid w:val="0"/>
    </w:rPr>
  </w:style>
  <w:style w:type="paragraph" w:styleId="Heading3">
    <w:name w:val="heading 3"/>
    <w:basedOn w:val="Normal"/>
    <w:next w:val="BodyText"/>
    <w:qFormat/>
    <w:pPr>
      <w:numPr>
        <w:ilvl w:val="2"/>
        <w:numId w:val="8"/>
      </w:numPr>
      <w:spacing w:after="240"/>
      <w:jc w:val="both"/>
      <w:outlineLvl w:val="2"/>
    </w:pPr>
    <w:rPr>
      <w:snapToGrid w:val="0"/>
    </w:rPr>
  </w:style>
  <w:style w:type="paragraph" w:styleId="Heading4">
    <w:name w:val="heading 4"/>
    <w:basedOn w:val="Normal"/>
    <w:next w:val="BodyText"/>
    <w:qFormat/>
    <w:pPr>
      <w:numPr>
        <w:ilvl w:val="3"/>
        <w:numId w:val="8"/>
      </w:numPr>
      <w:spacing w:after="240"/>
      <w:outlineLvl w:val="3"/>
    </w:pPr>
    <w:rPr>
      <w:snapToGrid w:val="0"/>
    </w:rPr>
  </w:style>
  <w:style w:type="paragraph" w:styleId="Heading5">
    <w:name w:val="heading 5"/>
    <w:basedOn w:val="Normal"/>
    <w:next w:val="BodyText"/>
    <w:qFormat/>
    <w:pPr>
      <w:numPr>
        <w:ilvl w:val="4"/>
        <w:numId w:val="8"/>
      </w:numPr>
      <w:spacing w:after="240"/>
      <w:outlineLvl w:val="4"/>
    </w:pPr>
    <w:rPr>
      <w:snapToGrid w:val="0"/>
    </w:rPr>
  </w:style>
  <w:style w:type="paragraph" w:styleId="Heading6">
    <w:name w:val="heading 6"/>
    <w:basedOn w:val="Normal"/>
    <w:next w:val="BodyText"/>
    <w:qFormat/>
    <w:pPr>
      <w:numPr>
        <w:ilvl w:val="5"/>
        <w:numId w:val="8"/>
      </w:numPr>
      <w:spacing w:after="240"/>
      <w:outlineLvl w:val="5"/>
    </w:pPr>
    <w:rPr>
      <w:snapToGrid w:val="0"/>
    </w:rPr>
  </w:style>
  <w:style w:type="paragraph" w:styleId="Heading7">
    <w:name w:val="heading 7"/>
    <w:basedOn w:val="Normal"/>
    <w:next w:val="BodyText"/>
    <w:qFormat/>
    <w:pPr>
      <w:numPr>
        <w:ilvl w:val="6"/>
        <w:numId w:val="8"/>
      </w:numPr>
      <w:spacing w:after="240"/>
      <w:outlineLvl w:val="6"/>
    </w:pPr>
    <w:rPr>
      <w:snapToGrid w:val="0"/>
    </w:rPr>
  </w:style>
  <w:style w:type="paragraph" w:styleId="Heading8">
    <w:name w:val="heading 8"/>
    <w:basedOn w:val="Normal"/>
    <w:next w:val="BodyText"/>
    <w:qFormat/>
    <w:pPr>
      <w:numPr>
        <w:ilvl w:val="7"/>
        <w:numId w:val="8"/>
      </w:numPr>
      <w:spacing w:after="240"/>
      <w:outlineLvl w:val="7"/>
    </w:pPr>
    <w:rPr>
      <w:snapToGrid w:val="0"/>
    </w:rPr>
  </w:style>
  <w:style w:type="paragraph" w:styleId="Heading9">
    <w:name w:val="heading 9"/>
    <w:basedOn w:val="Normal"/>
    <w:next w:val="Normal"/>
    <w:qFormat/>
    <w:pPr>
      <w:numPr>
        <w:ilvl w:val="8"/>
        <w:numId w:val="8"/>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pPr>
      <w:spacing w:before="240" w:after="240"/>
      <w:ind w:left="1440" w:right="1440"/>
      <w:jc w:val="both"/>
    </w:pPr>
  </w:style>
  <w:style w:type="paragraph" w:styleId="BodyText">
    <w:name w:val="Body Text"/>
    <w:basedOn w:val="Normal"/>
    <w:pPr>
      <w:spacing w:after="240"/>
      <w:ind w:firstLine="720"/>
    </w:pPr>
  </w:style>
  <w:style w:type="paragraph" w:styleId="BodyText2">
    <w:name w:val="Body Text 2"/>
    <w:basedOn w:val="Normal"/>
    <w:pPr>
      <w:spacing w:after="240" w:line="480" w:lineRule="auto"/>
      <w:ind w:firstLine="720"/>
    </w:pPr>
  </w:style>
  <w:style w:type="paragraph" w:styleId="BodyText3">
    <w:name w:val="Body Text 3"/>
    <w:basedOn w:val="Normal"/>
    <w:pPr>
      <w:spacing w:after="240"/>
    </w:pPr>
  </w:style>
  <w:style w:type="paragraph" w:styleId="BodyTextFirstIndent">
    <w:name w:val="Body Text First Indent"/>
    <w:basedOn w:val="BodyText"/>
  </w:style>
  <w:style w:type="paragraph" w:styleId="Closing">
    <w:name w:val="Closing"/>
    <w:basedOn w:val="Normal"/>
    <w:pPr>
      <w:ind w:left="4320"/>
    </w:pPr>
  </w:style>
  <w:style w:type="character" w:styleId="Emphasis">
    <w:name w:val="Emphasis"/>
    <w:qFormat/>
    <w:rPr>
      <w:b/>
      <w:i/>
    </w:rPr>
  </w:style>
  <w:style w:type="paragraph" w:styleId="EnvelopeAddress">
    <w:name w:val="envelope address"/>
    <w:basedOn w:val="Normal"/>
    <w:pPr>
      <w:framePr w:w="7920" w:h="1980" w:hRule="exact" w:hSpace="180" w:wrap="auto" w:hAnchor="page" w:xAlign="center" w:yAlign="bottom"/>
      <w:ind w:left="2880"/>
    </w:pPr>
    <w:rPr>
      <w:rFonts w:ascii="Garamond" w:hAnsi="Garamond"/>
      <w:sz w:val="24"/>
    </w:rPr>
  </w:style>
  <w:style w:type="paragraph" w:styleId="EnvelopeReturn">
    <w:name w:val="envelope return"/>
    <w:basedOn w:val="Normal"/>
    <w:rPr>
      <w:rFonts w:ascii="Garamond" w:hAnsi="Garamond"/>
      <w:sz w:val="20"/>
    </w:rPr>
  </w:style>
  <w:style w:type="paragraph" w:styleId="Footer">
    <w:name w:val="footer"/>
    <w:basedOn w:val="Normal"/>
    <w:pPr>
      <w:tabs>
        <w:tab w:val="center" w:pos="4680"/>
        <w:tab w:val="right" w:pos="9360"/>
      </w:tabs>
    </w:pPr>
    <w:rPr>
      <w:sz w:val="16"/>
    </w:rPr>
  </w:style>
  <w:style w:type="paragraph" w:styleId="Header">
    <w:name w:val="header"/>
    <w:basedOn w:val="Normal"/>
    <w:pPr>
      <w:tabs>
        <w:tab w:val="center" w:pos="4680"/>
        <w:tab w:val="right" w:pos="9360"/>
      </w:tabs>
    </w:pPr>
  </w:style>
  <w:style w:type="character" w:styleId="PageNumber">
    <w:name w:val="page number"/>
    <w:rPr>
      <w:sz w:val="23"/>
    </w:rPr>
  </w:style>
  <w:style w:type="paragraph" w:styleId="TOC1">
    <w:name w:val="toc 1"/>
    <w:basedOn w:val="Normal"/>
    <w:next w:val="Normal"/>
    <w:autoRedefine/>
    <w:semiHidden/>
    <w:pPr>
      <w:keepNext/>
      <w:keepLines/>
      <w:tabs>
        <w:tab w:val="left" w:pos="1440"/>
        <w:tab w:val="right" w:pos="9360"/>
      </w:tabs>
      <w:spacing w:after="240"/>
    </w:pPr>
  </w:style>
  <w:style w:type="paragraph" w:styleId="TOC2">
    <w:name w:val="toc 2"/>
    <w:basedOn w:val="Normal"/>
    <w:next w:val="Normal"/>
    <w:autoRedefine/>
    <w:semiHidden/>
    <w:pPr>
      <w:tabs>
        <w:tab w:val="left" w:pos="2160"/>
        <w:tab w:val="right" w:pos="9360"/>
      </w:tabs>
      <w:ind w:left="360"/>
    </w:pPr>
  </w:style>
  <w:style w:type="paragraph" w:styleId="TOC3">
    <w:name w:val="toc 3"/>
    <w:basedOn w:val="Normal"/>
    <w:next w:val="Normal"/>
    <w:autoRedefine/>
    <w:semiHidden/>
    <w:pPr>
      <w:tabs>
        <w:tab w:val="left" w:pos="2160"/>
        <w:tab w:val="right" w:pos="9360"/>
      </w:tabs>
      <w:ind w:left="720"/>
    </w:pPr>
  </w:style>
  <w:style w:type="paragraph" w:customStyle="1" w:styleId="officeside">
    <w:name w:val="officeside"/>
    <w:basedOn w:val="Normal"/>
    <w:pPr>
      <w:widowControl w:val="0"/>
      <w:tabs>
        <w:tab w:val="center" w:pos="1400"/>
      </w:tabs>
      <w:spacing w:line="130" w:lineRule="exact"/>
      <w:jc w:val="center"/>
    </w:pPr>
    <w:rPr>
      <w:rFonts w:ascii="Arial" w:hAnsi="Arial"/>
      <w:noProof/>
      <w:spacing w:val="10"/>
      <w:sz w:val="13"/>
    </w:rPr>
  </w:style>
  <w:style w:type="paragraph" w:styleId="TOC4">
    <w:name w:val="toc 4"/>
    <w:basedOn w:val="Normal"/>
    <w:next w:val="Normal"/>
    <w:autoRedefine/>
    <w:semiHidden/>
    <w:pPr>
      <w:ind w:left="690"/>
    </w:pPr>
  </w:style>
  <w:style w:type="paragraph" w:styleId="TOC5">
    <w:name w:val="toc 5"/>
    <w:basedOn w:val="Normal"/>
    <w:next w:val="Normal"/>
    <w:autoRedefine/>
    <w:semiHidden/>
    <w:pPr>
      <w:ind w:left="920"/>
    </w:pPr>
  </w:style>
  <w:style w:type="paragraph" w:styleId="TOC6">
    <w:name w:val="toc 6"/>
    <w:basedOn w:val="Normal"/>
    <w:next w:val="Normal"/>
    <w:autoRedefine/>
    <w:semiHidden/>
    <w:pPr>
      <w:ind w:left="1150"/>
    </w:pPr>
  </w:style>
  <w:style w:type="paragraph" w:styleId="TOC7">
    <w:name w:val="toc 7"/>
    <w:basedOn w:val="Normal"/>
    <w:next w:val="Normal"/>
    <w:autoRedefine/>
    <w:semiHidden/>
    <w:pPr>
      <w:ind w:left="1380"/>
    </w:pPr>
  </w:style>
  <w:style w:type="paragraph" w:styleId="TOC8">
    <w:name w:val="toc 8"/>
    <w:basedOn w:val="Normal"/>
    <w:next w:val="Normal"/>
    <w:autoRedefine/>
    <w:semiHidden/>
    <w:pPr>
      <w:ind w:left="1610"/>
    </w:pPr>
  </w:style>
  <w:style w:type="paragraph" w:styleId="TOC9">
    <w:name w:val="toc 9"/>
    <w:basedOn w:val="Normal"/>
    <w:next w:val="Normal"/>
    <w:autoRedefine/>
    <w:semiHidden/>
    <w:pPr>
      <w:ind w:left="1840"/>
    </w:pPr>
  </w:style>
  <w:style w:type="paragraph" w:styleId="BalloonText">
    <w:name w:val="Balloon Text"/>
    <w:basedOn w:val="Normal"/>
    <w:semiHidden/>
    <w:rsid w:val="00350CC7"/>
    <w:rPr>
      <w:rFonts w:ascii="Tahoma" w:hAnsi="Tahoma" w:cs="Tahoma"/>
      <w:sz w:val="16"/>
      <w:szCs w:val="1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Pr>
      <w:sz w:val="23"/>
    </w:rPr>
  </w:style>
  <w:style w:type="paragraph" w:styleId="Heading1">
    <w:name w:val="heading 1"/>
    <w:basedOn w:val="Normal"/>
    <w:next w:val="BodyText"/>
    <w:qFormat/>
    <w:pPr>
      <w:numPr>
        <w:numId w:val="8"/>
      </w:numPr>
      <w:tabs>
        <w:tab w:val="left" w:pos="1980"/>
      </w:tabs>
      <w:spacing w:after="240"/>
      <w:jc w:val="both"/>
      <w:outlineLvl w:val="0"/>
    </w:pPr>
    <w:rPr>
      <w:snapToGrid w:val="0"/>
    </w:rPr>
  </w:style>
  <w:style w:type="paragraph" w:styleId="Heading2">
    <w:name w:val="heading 2"/>
    <w:basedOn w:val="Normal"/>
    <w:next w:val="BodyText"/>
    <w:qFormat/>
    <w:pPr>
      <w:numPr>
        <w:ilvl w:val="1"/>
        <w:numId w:val="8"/>
      </w:numPr>
      <w:spacing w:after="240"/>
      <w:jc w:val="both"/>
      <w:outlineLvl w:val="1"/>
    </w:pPr>
    <w:rPr>
      <w:snapToGrid w:val="0"/>
    </w:rPr>
  </w:style>
  <w:style w:type="paragraph" w:styleId="Heading3">
    <w:name w:val="heading 3"/>
    <w:basedOn w:val="Normal"/>
    <w:next w:val="BodyText"/>
    <w:qFormat/>
    <w:pPr>
      <w:numPr>
        <w:ilvl w:val="2"/>
        <w:numId w:val="8"/>
      </w:numPr>
      <w:spacing w:after="240"/>
      <w:jc w:val="both"/>
      <w:outlineLvl w:val="2"/>
    </w:pPr>
    <w:rPr>
      <w:snapToGrid w:val="0"/>
    </w:rPr>
  </w:style>
  <w:style w:type="paragraph" w:styleId="Heading4">
    <w:name w:val="heading 4"/>
    <w:basedOn w:val="Normal"/>
    <w:next w:val="BodyText"/>
    <w:qFormat/>
    <w:pPr>
      <w:numPr>
        <w:ilvl w:val="3"/>
        <w:numId w:val="8"/>
      </w:numPr>
      <w:spacing w:after="240"/>
      <w:outlineLvl w:val="3"/>
    </w:pPr>
    <w:rPr>
      <w:snapToGrid w:val="0"/>
    </w:rPr>
  </w:style>
  <w:style w:type="paragraph" w:styleId="Heading5">
    <w:name w:val="heading 5"/>
    <w:basedOn w:val="Normal"/>
    <w:next w:val="BodyText"/>
    <w:qFormat/>
    <w:pPr>
      <w:numPr>
        <w:ilvl w:val="4"/>
        <w:numId w:val="8"/>
      </w:numPr>
      <w:spacing w:after="240"/>
      <w:outlineLvl w:val="4"/>
    </w:pPr>
    <w:rPr>
      <w:snapToGrid w:val="0"/>
    </w:rPr>
  </w:style>
  <w:style w:type="paragraph" w:styleId="Heading6">
    <w:name w:val="heading 6"/>
    <w:basedOn w:val="Normal"/>
    <w:next w:val="BodyText"/>
    <w:qFormat/>
    <w:pPr>
      <w:numPr>
        <w:ilvl w:val="5"/>
        <w:numId w:val="8"/>
      </w:numPr>
      <w:spacing w:after="240"/>
      <w:outlineLvl w:val="5"/>
    </w:pPr>
    <w:rPr>
      <w:snapToGrid w:val="0"/>
    </w:rPr>
  </w:style>
  <w:style w:type="paragraph" w:styleId="Heading7">
    <w:name w:val="heading 7"/>
    <w:basedOn w:val="Normal"/>
    <w:next w:val="BodyText"/>
    <w:qFormat/>
    <w:pPr>
      <w:numPr>
        <w:ilvl w:val="6"/>
        <w:numId w:val="8"/>
      </w:numPr>
      <w:spacing w:after="240"/>
      <w:outlineLvl w:val="6"/>
    </w:pPr>
    <w:rPr>
      <w:snapToGrid w:val="0"/>
    </w:rPr>
  </w:style>
  <w:style w:type="paragraph" w:styleId="Heading8">
    <w:name w:val="heading 8"/>
    <w:basedOn w:val="Normal"/>
    <w:next w:val="BodyText"/>
    <w:qFormat/>
    <w:pPr>
      <w:numPr>
        <w:ilvl w:val="7"/>
        <w:numId w:val="8"/>
      </w:numPr>
      <w:spacing w:after="240"/>
      <w:outlineLvl w:val="7"/>
    </w:pPr>
    <w:rPr>
      <w:snapToGrid w:val="0"/>
    </w:rPr>
  </w:style>
  <w:style w:type="paragraph" w:styleId="Heading9">
    <w:name w:val="heading 9"/>
    <w:basedOn w:val="Normal"/>
    <w:next w:val="Normal"/>
    <w:qFormat/>
    <w:pPr>
      <w:numPr>
        <w:ilvl w:val="8"/>
        <w:numId w:val="8"/>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pPr>
      <w:spacing w:before="240" w:after="240"/>
      <w:ind w:left="1440" w:right="1440"/>
      <w:jc w:val="both"/>
    </w:pPr>
  </w:style>
  <w:style w:type="paragraph" w:styleId="BodyText">
    <w:name w:val="Body Text"/>
    <w:basedOn w:val="Normal"/>
    <w:pPr>
      <w:spacing w:after="240"/>
      <w:ind w:firstLine="720"/>
    </w:pPr>
  </w:style>
  <w:style w:type="paragraph" w:styleId="BodyText2">
    <w:name w:val="Body Text 2"/>
    <w:basedOn w:val="Normal"/>
    <w:pPr>
      <w:spacing w:after="240" w:line="480" w:lineRule="auto"/>
      <w:ind w:firstLine="720"/>
    </w:pPr>
  </w:style>
  <w:style w:type="paragraph" w:styleId="BodyText3">
    <w:name w:val="Body Text 3"/>
    <w:basedOn w:val="Normal"/>
    <w:pPr>
      <w:spacing w:after="240"/>
    </w:pPr>
  </w:style>
  <w:style w:type="paragraph" w:styleId="BodyTextFirstIndent">
    <w:name w:val="Body Text First Indent"/>
    <w:basedOn w:val="BodyText"/>
  </w:style>
  <w:style w:type="paragraph" w:styleId="Closing">
    <w:name w:val="Closing"/>
    <w:basedOn w:val="Normal"/>
    <w:pPr>
      <w:ind w:left="4320"/>
    </w:pPr>
  </w:style>
  <w:style w:type="character" w:styleId="Emphasis">
    <w:name w:val="Emphasis"/>
    <w:qFormat/>
    <w:rPr>
      <w:b/>
      <w:i/>
    </w:rPr>
  </w:style>
  <w:style w:type="paragraph" w:styleId="EnvelopeAddress">
    <w:name w:val="envelope address"/>
    <w:basedOn w:val="Normal"/>
    <w:pPr>
      <w:framePr w:w="7920" w:h="1980" w:hRule="exact" w:hSpace="180" w:wrap="auto" w:hAnchor="page" w:xAlign="center" w:yAlign="bottom"/>
      <w:ind w:left="2880"/>
    </w:pPr>
    <w:rPr>
      <w:rFonts w:ascii="Garamond" w:hAnsi="Garamond"/>
      <w:sz w:val="24"/>
    </w:rPr>
  </w:style>
  <w:style w:type="paragraph" w:styleId="EnvelopeReturn">
    <w:name w:val="envelope return"/>
    <w:basedOn w:val="Normal"/>
    <w:rPr>
      <w:rFonts w:ascii="Garamond" w:hAnsi="Garamond"/>
      <w:sz w:val="20"/>
    </w:rPr>
  </w:style>
  <w:style w:type="paragraph" w:styleId="Footer">
    <w:name w:val="footer"/>
    <w:basedOn w:val="Normal"/>
    <w:pPr>
      <w:tabs>
        <w:tab w:val="center" w:pos="4680"/>
        <w:tab w:val="right" w:pos="9360"/>
      </w:tabs>
    </w:pPr>
    <w:rPr>
      <w:sz w:val="16"/>
    </w:rPr>
  </w:style>
  <w:style w:type="paragraph" w:styleId="Header">
    <w:name w:val="header"/>
    <w:basedOn w:val="Normal"/>
    <w:pPr>
      <w:tabs>
        <w:tab w:val="center" w:pos="4680"/>
        <w:tab w:val="right" w:pos="9360"/>
      </w:tabs>
    </w:pPr>
  </w:style>
  <w:style w:type="character" w:styleId="PageNumber">
    <w:name w:val="page number"/>
    <w:rPr>
      <w:sz w:val="23"/>
    </w:rPr>
  </w:style>
  <w:style w:type="paragraph" w:styleId="TOC1">
    <w:name w:val="toc 1"/>
    <w:basedOn w:val="Normal"/>
    <w:next w:val="Normal"/>
    <w:autoRedefine/>
    <w:semiHidden/>
    <w:pPr>
      <w:keepNext/>
      <w:keepLines/>
      <w:tabs>
        <w:tab w:val="left" w:pos="1440"/>
        <w:tab w:val="right" w:pos="9360"/>
      </w:tabs>
      <w:spacing w:after="240"/>
    </w:pPr>
  </w:style>
  <w:style w:type="paragraph" w:styleId="TOC2">
    <w:name w:val="toc 2"/>
    <w:basedOn w:val="Normal"/>
    <w:next w:val="Normal"/>
    <w:autoRedefine/>
    <w:semiHidden/>
    <w:pPr>
      <w:tabs>
        <w:tab w:val="left" w:pos="2160"/>
        <w:tab w:val="right" w:pos="9360"/>
      </w:tabs>
      <w:ind w:left="360"/>
    </w:pPr>
  </w:style>
  <w:style w:type="paragraph" w:styleId="TOC3">
    <w:name w:val="toc 3"/>
    <w:basedOn w:val="Normal"/>
    <w:next w:val="Normal"/>
    <w:autoRedefine/>
    <w:semiHidden/>
    <w:pPr>
      <w:tabs>
        <w:tab w:val="left" w:pos="2160"/>
        <w:tab w:val="right" w:pos="9360"/>
      </w:tabs>
      <w:ind w:left="720"/>
    </w:pPr>
  </w:style>
  <w:style w:type="paragraph" w:customStyle="1" w:styleId="officeside">
    <w:name w:val="officeside"/>
    <w:basedOn w:val="Normal"/>
    <w:pPr>
      <w:widowControl w:val="0"/>
      <w:tabs>
        <w:tab w:val="center" w:pos="1400"/>
      </w:tabs>
      <w:spacing w:line="130" w:lineRule="exact"/>
      <w:jc w:val="center"/>
    </w:pPr>
    <w:rPr>
      <w:rFonts w:ascii="Arial" w:hAnsi="Arial"/>
      <w:noProof/>
      <w:spacing w:val="10"/>
      <w:sz w:val="13"/>
    </w:rPr>
  </w:style>
  <w:style w:type="paragraph" w:styleId="TOC4">
    <w:name w:val="toc 4"/>
    <w:basedOn w:val="Normal"/>
    <w:next w:val="Normal"/>
    <w:autoRedefine/>
    <w:semiHidden/>
    <w:pPr>
      <w:ind w:left="690"/>
    </w:pPr>
  </w:style>
  <w:style w:type="paragraph" w:styleId="TOC5">
    <w:name w:val="toc 5"/>
    <w:basedOn w:val="Normal"/>
    <w:next w:val="Normal"/>
    <w:autoRedefine/>
    <w:semiHidden/>
    <w:pPr>
      <w:ind w:left="920"/>
    </w:pPr>
  </w:style>
  <w:style w:type="paragraph" w:styleId="TOC6">
    <w:name w:val="toc 6"/>
    <w:basedOn w:val="Normal"/>
    <w:next w:val="Normal"/>
    <w:autoRedefine/>
    <w:semiHidden/>
    <w:pPr>
      <w:ind w:left="1150"/>
    </w:pPr>
  </w:style>
  <w:style w:type="paragraph" w:styleId="TOC7">
    <w:name w:val="toc 7"/>
    <w:basedOn w:val="Normal"/>
    <w:next w:val="Normal"/>
    <w:autoRedefine/>
    <w:semiHidden/>
    <w:pPr>
      <w:ind w:left="1380"/>
    </w:pPr>
  </w:style>
  <w:style w:type="paragraph" w:styleId="TOC8">
    <w:name w:val="toc 8"/>
    <w:basedOn w:val="Normal"/>
    <w:next w:val="Normal"/>
    <w:autoRedefine/>
    <w:semiHidden/>
    <w:pPr>
      <w:ind w:left="1610"/>
    </w:pPr>
  </w:style>
  <w:style w:type="paragraph" w:styleId="TOC9">
    <w:name w:val="toc 9"/>
    <w:basedOn w:val="Normal"/>
    <w:next w:val="Normal"/>
    <w:autoRedefine/>
    <w:semiHidden/>
    <w:pPr>
      <w:ind w:left="1840"/>
    </w:pPr>
  </w:style>
  <w:style w:type="paragraph" w:styleId="BalloonText">
    <w:name w:val="Balloon Text"/>
    <w:basedOn w:val="Normal"/>
    <w:semiHidden/>
    <w:rsid w:val="00350CC7"/>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microsoft.com/office/2007/relationships/stylesWithEffects" Target="stylesWithEffects.xml"/><Relationship Id="rId7" Type="http://schemas.openxmlformats.org/officeDocument/2006/relationships/endnotes" Target="endnotes.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6</Pages>
  <Words>2211</Words>
  <Characters>12609</Characters>
  <Application>Microsoft Office Word</Application>
  <DocSecurity>0</DocSecurity>
  <Lines>105</Lines>
  <Paragraphs>2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79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Kimberly Carter</dc:creator>
  <cp:lastModifiedBy>Graciela Molina</cp:lastModifiedBy>
  <cp:revision>2</cp:revision>
  <cp:lastPrinted>2013-09-27T23:15:00Z</cp:lastPrinted>
  <dcterms:created xsi:type="dcterms:W3CDTF">2013-11-23T01:13:00Z</dcterms:created>
  <dcterms:modified xsi:type="dcterms:W3CDTF">2013-11-23T01: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OCSSF/47685v3/24576-0001</vt:lpwstr>
  </property>
</Properties>
</file>